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6227"/>
  <workbookPr defaultThemeVersion="166925"/>
  <mc:AlternateContent xmlns:mc="http://schemas.openxmlformats.org/markup-compatibility/2006">
    <mc:Choice Requires="x15">
      <x15ac:absPath xmlns:x15ac="http://schemas.microsoft.com/office/spreadsheetml/2010/11/ac" url="C:\Users\i001454\Desktop\"/>
    </mc:Choice>
  </mc:AlternateContent>
  <xr:revisionPtr revIDLastSave="0" documentId="13_ncr:1_{DD2CC4E3-7204-4FFD-A594-A084A09531DC}" xr6:coauthVersionLast="47" xr6:coauthVersionMax="47" xr10:uidLastSave="{00000000-0000-0000-0000-000000000000}"/>
  <bookViews>
    <workbookView xWindow="-108" yWindow="-108" windowWidth="23256" windowHeight="12576" activeTab="1" xr2:uid="{2614C9CD-5191-4A9C-B190-E0223E7521B1}"/>
  </bookViews>
  <sheets>
    <sheet name="排水設備工事費助成金申請書" sheetId="2" r:id="rId1"/>
    <sheet name="排水設備工事費助成金実績報告書" sheetId="1" r:id="rId2"/>
  </sheets>
  <definedNames>
    <definedName name="_xlnm.Print_Area" localSheetId="1">排水設備工事費助成金実績報告書!$A$1:$AL$49</definedName>
    <definedName name="_xlnm.Print_Area" localSheetId="0">排水設備工事費助成金申請書!$A$1:$AL$58</definedName>
  </definedNames>
  <calcPr calcId="191029" refMode="R1C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53" uniqueCount="51">
  <si>
    <t>様式第３号（第８条関係）</t>
  </si>
  <si>
    <t>年</t>
    <rPh sb="0" eb="1">
      <t>ネン</t>
    </rPh>
    <phoneticPr fontId="1"/>
  </si>
  <si>
    <t>月</t>
    <rPh sb="0" eb="1">
      <t>ツキ</t>
    </rPh>
    <phoneticPr fontId="1"/>
  </si>
  <si>
    <t>日</t>
    <rPh sb="0" eb="1">
      <t>ヒ</t>
    </rPh>
    <phoneticPr fontId="1"/>
  </si>
  <si>
    <t>（あて先）八代市長</t>
    <rPh sb="3" eb="4">
      <t>サキ</t>
    </rPh>
    <rPh sb="5" eb="9">
      <t>ヤツシロシチョウ</t>
    </rPh>
    <phoneticPr fontId="1"/>
  </si>
  <si>
    <t>申請者</t>
    <rPh sb="0" eb="3">
      <t>シンセイシャ</t>
    </rPh>
    <phoneticPr fontId="1"/>
  </si>
  <si>
    <t>住所</t>
    <rPh sb="0" eb="2">
      <t>ジュウショ</t>
    </rPh>
    <phoneticPr fontId="1"/>
  </si>
  <si>
    <t>氏名</t>
    <rPh sb="0" eb="2">
      <t>シメイ</t>
    </rPh>
    <phoneticPr fontId="1"/>
  </si>
  <si>
    <t>㊞</t>
    <phoneticPr fontId="1"/>
  </si>
  <si>
    <t>電話</t>
    <rPh sb="0" eb="2">
      <t>デンワ</t>
    </rPh>
    <phoneticPr fontId="1"/>
  </si>
  <si>
    <t>（申請者直筆の場合は押印省略可能）</t>
    <phoneticPr fontId="1"/>
  </si>
  <si>
    <t>八代市下水道排水設備工事費助成事業実績報告書</t>
    <rPh sb="0" eb="3">
      <t>ヤツシロシ</t>
    </rPh>
    <rPh sb="3" eb="6">
      <t>ゲスイドウ</t>
    </rPh>
    <rPh sb="6" eb="10">
      <t>ハイスイセツビ</t>
    </rPh>
    <rPh sb="10" eb="13">
      <t>コウジヒ</t>
    </rPh>
    <rPh sb="13" eb="15">
      <t>ジョセイ</t>
    </rPh>
    <rPh sb="15" eb="17">
      <t>ジギョウ</t>
    </rPh>
    <rPh sb="17" eb="19">
      <t>ジッセキ</t>
    </rPh>
    <rPh sb="19" eb="22">
      <t>ホウコクショ</t>
    </rPh>
    <phoneticPr fontId="1"/>
  </si>
  <si>
    <t>　　　年　　月　　日付け八市下総業第　　　号により八代市下水道排水設備工事費</t>
    <phoneticPr fontId="1"/>
  </si>
  <si>
    <t>助成金交付決定を受けました八代市下水道排水設備工事費助成事業の実績について、八</t>
    <rPh sb="0" eb="7">
      <t>ジョセイキンコウフケッテイ</t>
    </rPh>
    <rPh sb="8" eb="9">
      <t>ウ</t>
    </rPh>
    <phoneticPr fontId="1"/>
  </si>
  <si>
    <t>代市下水道排水設備工事費助成金交付要綱第８条第２項の規定により、下記のとおり報</t>
  </si>
  <si>
    <t>告します。</t>
  </si>
  <si>
    <t>記</t>
    <rPh sb="0" eb="1">
      <t>キ</t>
    </rPh>
    <phoneticPr fontId="1"/>
  </si>
  <si>
    <t>２</t>
    <phoneticPr fontId="1"/>
  </si>
  <si>
    <t>３</t>
    <phoneticPr fontId="1"/>
  </si>
  <si>
    <t>１</t>
    <phoneticPr fontId="1"/>
  </si>
  <si>
    <t>助成金既交付決定額</t>
  </si>
  <si>
    <t>改造工事に要した費用</t>
  </si>
  <si>
    <t>添付書類</t>
  </si>
  <si>
    <t>・改造工事に要した費用を証明する書類</t>
  </si>
  <si>
    <t>円</t>
    <rPh sb="0" eb="1">
      <t>エン</t>
    </rPh>
    <phoneticPr fontId="1"/>
  </si>
  <si>
    <t>様式第１号（第６条関係）</t>
    <rPh sb="0" eb="2">
      <t>ヨウシキ</t>
    </rPh>
    <rPh sb="2" eb="3">
      <t>ダイ</t>
    </rPh>
    <rPh sb="4" eb="5">
      <t>ゴウ</t>
    </rPh>
    <rPh sb="6" eb="7">
      <t>ダイ</t>
    </rPh>
    <rPh sb="8" eb="9">
      <t>ジョウ</t>
    </rPh>
    <rPh sb="9" eb="11">
      <t>カンケイ</t>
    </rPh>
    <phoneticPr fontId="6"/>
  </si>
  <si>
    <t>年</t>
    <rPh sb="0" eb="1">
      <t>ネン</t>
    </rPh>
    <phoneticPr fontId="6"/>
  </si>
  <si>
    <t>月</t>
    <rPh sb="0" eb="1">
      <t>ガツ</t>
    </rPh>
    <phoneticPr fontId="6"/>
  </si>
  <si>
    <t>日</t>
    <rPh sb="0" eb="1">
      <t>ニチ</t>
    </rPh>
    <phoneticPr fontId="6"/>
  </si>
  <si>
    <t>（あて先）八代市長</t>
    <rPh sb="3" eb="4">
      <t>サキ</t>
    </rPh>
    <rPh sb="5" eb="9">
      <t>ヤツシロシチョウ</t>
    </rPh>
    <phoneticPr fontId="6"/>
  </si>
  <si>
    <t>申請者</t>
    <rPh sb="0" eb="3">
      <t>シンセイシャ</t>
    </rPh>
    <phoneticPr fontId="6"/>
  </si>
  <si>
    <t>住所</t>
    <rPh sb="0" eb="2">
      <t>ジュウショ</t>
    </rPh>
    <phoneticPr fontId="6"/>
  </si>
  <si>
    <t>氏名</t>
    <rPh sb="0" eb="2">
      <t>シメイ</t>
    </rPh>
    <phoneticPr fontId="6"/>
  </si>
  <si>
    <t>㊞</t>
    <phoneticPr fontId="6"/>
  </si>
  <si>
    <t>（申請者直筆の場合は押印省略可能）</t>
    <rPh sb="1" eb="4">
      <t>シンセイシャ</t>
    </rPh>
    <rPh sb="4" eb="6">
      <t>ジキヒツ</t>
    </rPh>
    <rPh sb="7" eb="9">
      <t>バアイ</t>
    </rPh>
    <rPh sb="10" eb="12">
      <t>オウイン</t>
    </rPh>
    <rPh sb="12" eb="14">
      <t>ショウリャク</t>
    </rPh>
    <rPh sb="14" eb="16">
      <t>カノウ</t>
    </rPh>
    <phoneticPr fontId="6"/>
  </si>
  <si>
    <t>電話</t>
    <rPh sb="0" eb="2">
      <t>デンワ</t>
    </rPh>
    <phoneticPr fontId="6"/>
  </si>
  <si>
    <t>八代市下水道排水設備工事費助成金交付申請書</t>
    <rPh sb="0" eb="3">
      <t>ヤツシロシ</t>
    </rPh>
    <rPh sb="3" eb="6">
      <t>ゲスイドウ</t>
    </rPh>
    <rPh sb="6" eb="8">
      <t>ハイスイ</t>
    </rPh>
    <rPh sb="8" eb="10">
      <t>セツビ</t>
    </rPh>
    <rPh sb="10" eb="12">
      <t>コウジ</t>
    </rPh>
    <rPh sb="12" eb="13">
      <t>ヒ</t>
    </rPh>
    <rPh sb="13" eb="16">
      <t>ジョセイキン</t>
    </rPh>
    <rPh sb="16" eb="18">
      <t>コウフ</t>
    </rPh>
    <rPh sb="18" eb="20">
      <t>シンセイ</t>
    </rPh>
    <rPh sb="20" eb="21">
      <t>ショ</t>
    </rPh>
    <phoneticPr fontId="6"/>
  </si>
  <si>
    <t>八代市下水道排水設備工事費助成金の交付を受けたいので、八代市下水道排水</t>
    <rPh sb="0" eb="3">
      <t>ヤツシロシ</t>
    </rPh>
    <rPh sb="3" eb="6">
      <t>ゲスイドウ</t>
    </rPh>
    <rPh sb="6" eb="8">
      <t>ハイスイ</t>
    </rPh>
    <rPh sb="8" eb="10">
      <t>セツビ</t>
    </rPh>
    <rPh sb="10" eb="13">
      <t>コウジヒ</t>
    </rPh>
    <rPh sb="13" eb="16">
      <t>ジョセイキン</t>
    </rPh>
    <rPh sb="17" eb="19">
      <t>コウフ</t>
    </rPh>
    <rPh sb="20" eb="21">
      <t>ウ</t>
    </rPh>
    <rPh sb="27" eb="30">
      <t>ヤツシロシ</t>
    </rPh>
    <rPh sb="30" eb="33">
      <t>ゲスイドウ</t>
    </rPh>
    <rPh sb="33" eb="35">
      <t>ハイスイ</t>
    </rPh>
    <phoneticPr fontId="6"/>
  </si>
  <si>
    <t>設備工事費助成金交付要綱第６条第１項の規定により、関係書類を添えて下記の</t>
    <rPh sb="0" eb="2">
      <t>セツビ</t>
    </rPh>
    <rPh sb="2" eb="5">
      <t>コウジヒ</t>
    </rPh>
    <rPh sb="5" eb="8">
      <t>ジョセイキン</t>
    </rPh>
    <rPh sb="8" eb="10">
      <t>コウフ</t>
    </rPh>
    <rPh sb="10" eb="12">
      <t>ヨウコウ</t>
    </rPh>
    <rPh sb="12" eb="13">
      <t>ダイ</t>
    </rPh>
    <rPh sb="14" eb="15">
      <t>ジョウ</t>
    </rPh>
    <rPh sb="15" eb="16">
      <t>ダイ</t>
    </rPh>
    <rPh sb="17" eb="18">
      <t>コウ</t>
    </rPh>
    <rPh sb="19" eb="21">
      <t>キテイ</t>
    </rPh>
    <rPh sb="25" eb="27">
      <t>カンケイ</t>
    </rPh>
    <rPh sb="27" eb="29">
      <t>ショルイ</t>
    </rPh>
    <rPh sb="30" eb="31">
      <t>ソ</t>
    </rPh>
    <rPh sb="33" eb="35">
      <t>カキ</t>
    </rPh>
    <phoneticPr fontId="6"/>
  </si>
  <si>
    <t>とおり申請します。</t>
    <rPh sb="3" eb="5">
      <t>シンセイ</t>
    </rPh>
    <phoneticPr fontId="6"/>
  </si>
  <si>
    <t>記</t>
    <rPh sb="0" eb="1">
      <t>キ</t>
    </rPh>
    <phoneticPr fontId="6"/>
  </si>
  <si>
    <t>１</t>
    <phoneticPr fontId="6"/>
  </si>
  <si>
    <t>交付を受けようとする助成金申請額</t>
    <rPh sb="0" eb="2">
      <t>コウフ</t>
    </rPh>
    <rPh sb="3" eb="4">
      <t>ウ</t>
    </rPh>
    <rPh sb="10" eb="13">
      <t>ジョセイキン</t>
    </rPh>
    <rPh sb="13" eb="16">
      <t>シンセイガク</t>
    </rPh>
    <phoneticPr fontId="6"/>
  </si>
  <si>
    <t>円</t>
    <rPh sb="0" eb="1">
      <t>エン</t>
    </rPh>
    <phoneticPr fontId="6"/>
  </si>
  <si>
    <t>２</t>
    <phoneticPr fontId="6"/>
  </si>
  <si>
    <t>改造工事に要する費用</t>
    <rPh sb="0" eb="2">
      <t>カイゾウ</t>
    </rPh>
    <rPh sb="2" eb="4">
      <t>コウジ</t>
    </rPh>
    <rPh sb="5" eb="6">
      <t>ヨウ</t>
    </rPh>
    <rPh sb="8" eb="10">
      <t>ヒヨウ</t>
    </rPh>
    <phoneticPr fontId="6"/>
  </si>
  <si>
    <t>３</t>
    <phoneticPr fontId="6"/>
  </si>
  <si>
    <t>添付書類</t>
    <rPh sb="0" eb="2">
      <t>テンプ</t>
    </rPh>
    <rPh sb="2" eb="4">
      <t>ショルイ</t>
    </rPh>
    <phoneticPr fontId="6"/>
  </si>
  <si>
    <t>（１）見積書</t>
    <rPh sb="3" eb="6">
      <t>ミツモリショ</t>
    </rPh>
    <phoneticPr fontId="6"/>
  </si>
  <si>
    <t>（２）申請者の世帯に関する市税等の納税証明書</t>
    <rPh sb="3" eb="6">
      <t>シンセイシャ</t>
    </rPh>
    <rPh sb="7" eb="9">
      <t>セタイ</t>
    </rPh>
    <rPh sb="10" eb="11">
      <t>カン</t>
    </rPh>
    <rPh sb="13" eb="16">
      <t>シゼイトウ</t>
    </rPh>
    <rPh sb="17" eb="19">
      <t>ノウゼイ</t>
    </rPh>
    <rPh sb="19" eb="22">
      <t>ショウメイショ</t>
    </rPh>
    <phoneticPr fontId="6"/>
  </si>
  <si>
    <t>（３）その他市長が必要と認めるもの</t>
    <rPh sb="5" eb="6">
      <t>タ</t>
    </rPh>
    <rPh sb="6" eb="8">
      <t>シチョウ</t>
    </rPh>
    <rPh sb="9" eb="11">
      <t>ヒツヨウ</t>
    </rPh>
    <rPh sb="12" eb="13">
      <t>ミト</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11" x14ac:knownFonts="1">
    <font>
      <sz val="11"/>
      <color theme="1"/>
      <name val="游ゴシック"/>
      <family val="2"/>
      <charset val="128"/>
      <scheme val="minor"/>
    </font>
    <font>
      <sz val="6"/>
      <name val="游ゴシック"/>
      <family val="2"/>
      <charset val="128"/>
      <scheme val="minor"/>
    </font>
    <font>
      <sz val="12"/>
      <color theme="1"/>
      <name val="ＭＳ 明朝"/>
      <family val="1"/>
      <charset val="128"/>
    </font>
    <font>
      <sz val="11"/>
      <name val="ＭＳ Ｐゴシック"/>
      <family val="3"/>
      <charset val="128"/>
    </font>
    <font>
      <sz val="11"/>
      <name val="ＭＳ 明朝"/>
      <family val="1"/>
      <charset val="128"/>
    </font>
    <font>
      <sz val="12"/>
      <name val="ＭＳ 明朝"/>
      <family val="1"/>
      <charset val="128"/>
    </font>
    <font>
      <sz val="6"/>
      <name val="ＭＳ Ｐゴシック"/>
      <family val="3"/>
      <charset val="128"/>
    </font>
    <font>
      <sz val="9"/>
      <name val="游ゴシック"/>
      <family val="3"/>
      <charset val="128"/>
      <scheme val="minor"/>
    </font>
    <font>
      <sz val="11"/>
      <name val="HG丸ｺﾞｼｯｸM-PRO"/>
      <family val="3"/>
      <charset val="128"/>
    </font>
    <font>
      <sz val="1"/>
      <name val="HG丸ｺﾞｼｯｸM-PRO"/>
      <family val="3"/>
      <charset val="128"/>
    </font>
    <font>
      <sz val="9"/>
      <color theme="1"/>
      <name val="游ゴシック"/>
      <family val="3"/>
      <charset val="128"/>
    </font>
  </fonts>
  <fills count="2">
    <fill>
      <patternFill patternType="none"/>
    </fill>
    <fill>
      <patternFill patternType="gray125"/>
    </fill>
  </fills>
  <borders count="3">
    <border>
      <left/>
      <right/>
      <top/>
      <bottom/>
      <diagonal/>
    </border>
    <border>
      <left/>
      <right/>
      <top/>
      <bottom style="hair">
        <color indexed="64"/>
      </bottom>
      <diagonal/>
    </border>
    <border>
      <left/>
      <right/>
      <top style="hair">
        <color indexed="64"/>
      </top>
      <bottom/>
      <diagonal/>
    </border>
  </borders>
  <cellStyleXfs count="2">
    <xf numFmtId="0" fontId="0" fillId="0" borderId="0">
      <alignment vertical="center"/>
    </xf>
    <xf numFmtId="0" fontId="3" fillId="0" borderId="0"/>
  </cellStyleXfs>
  <cellXfs count="14">
    <xf numFmtId="0" fontId="0" fillId="0" borderId="0" xfId="0">
      <alignment vertical="center"/>
    </xf>
    <xf numFmtId="0" fontId="2" fillId="0" borderId="0" xfId="0" applyFont="1">
      <alignment vertical="center"/>
    </xf>
    <xf numFmtId="0" fontId="2" fillId="0" borderId="1" xfId="0" applyFont="1" applyBorder="1">
      <alignment vertical="center"/>
    </xf>
    <xf numFmtId="49" fontId="2" fillId="0" borderId="0" xfId="0" applyNumberFormat="1" applyFont="1">
      <alignment vertical="center"/>
    </xf>
    <xf numFmtId="0" fontId="4" fillId="0" borderId="0" xfId="1" applyFont="1" applyAlignment="1">
      <alignment vertical="center"/>
    </xf>
    <xf numFmtId="0" fontId="5" fillId="0" borderId="0" xfId="1" applyFont="1" applyAlignment="1">
      <alignment vertical="center"/>
    </xf>
    <xf numFmtId="0" fontId="4" fillId="0" borderId="1" xfId="1" applyFont="1" applyBorder="1" applyAlignment="1">
      <alignment vertical="center"/>
    </xf>
    <xf numFmtId="0" fontId="5" fillId="0" borderId="1" xfId="1" applyFont="1" applyBorder="1" applyAlignment="1">
      <alignment vertical="center"/>
    </xf>
    <xf numFmtId="0" fontId="7" fillId="0" borderId="2" xfId="1" applyFont="1" applyBorder="1" applyAlignment="1">
      <alignment horizontal="center" vertical="center"/>
    </xf>
    <xf numFmtId="49" fontId="5" fillId="0" borderId="0" xfId="1" applyNumberFormat="1" applyFont="1" applyAlignment="1">
      <alignment vertical="center"/>
    </xf>
    <xf numFmtId="0" fontId="8" fillId="0" borderId="0" xfId="1" applyFont="1" applyAlignment="1">
      <alignment vertical="center"/>
    </xf>
    <xf numFmtId="0" fontId="9" fillId="0" borderId="0" xfId="1" applyFont="1" applyAlignment="1">
      <alignment vertical="center"/>
    </xf>
    <xf numFmtId="0" fontId="10" fillId="0" borderId="0" xfId="0" applyFont="1">
      <alignment vertical="center"/>
    </xf>
    <xf numFmtId="0" fontId="2" fillId="0" borderId="0" xfId="0" applyFont="1" applyBorder="1">
      <alignment vertical="center"/>
    </xf>
  </cellXfs>
  <cellStyles count="2">
    <cellStyle name="標準" xfId="0" builtinId="0"/>
    <cellStyle name="標準 2" xfId="1" xr:uid="{71BB4C1D-AC3B-47CE-BF55-8BCEFD812A96}"/>
  </cellStyles>
  <dxfs count="0"/>
  <tableStyles count="0" defaultTableStyle="TableStyleMedium2" defaultPivotStyle="PivotStyleLight16"/>
  <colors>
    <mruColors>
      <color rgb="FF0053FA"/>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444112-5B1A-4CDD-9074-8985E3903F77}">
  <sheetPr>
    <tabColor rgb="FF0053FA"/>
  </sheetPr>
  <dimension ref="A1:AL1203"/>
  <sheetViews>
    <sheetView showGridLines="0" view="pageBreakPreview" zoomScaleNormal="70" zoomScaleSheetLayoutView="100" workbookViewId="0">
      <selection activeCell="B1" sqref="B1"/>
    </sheetView>
  </sheetViews>
  <sheetFormatPr defaultColWidth="0" defaultRowHeight="0" customHeight="1" zeroHeight="1" x14ac:dyDescent="0.45"/>
  <cols>
    <col min="1" max="1" width="0.69921875" style="11" customWidth="1"/>
    <col min="2" max="37" width="2.19921875" style="10" customWidth="1"/>
    <col min="38" max="38" width="0.69921875" style="11" customWidth="1"/>
    <col min="39" max="16384" width="2.19921875" style="10" hidden="1"/>
  </cols>
  <sheetData>
    <row r="1" spans="2:37" s="4" customFormat="1" ht="13.2" x14ac:dyDescent="0.45"/>
    <row r="2" spans="2:37" s="4" customFormat="1" ht="13.2" x14ac:dyDescent="0.45"/>
    <row r="3" spans="2:37" s="4" customFormat="1" ht="14.4" x14ac:dyDescent="0.45">
      <c r="B3" s="5"/>
      <c r="C3" s="5"/>
      <c r="D3" s="5"/>
      <c r="E3" s="5"/>
      <c r="F3" s="5"/>
      <c r="G3" s="5"/>
      <c r="H3" s="5"/>
      <c r="I3" s="5"/>
      <c r="J3" s="5"/>
      <c r="K3" s="5"/>
      <c r="L3" s="5"/>
      <c r="M3" s="5"/>
      <c r="N3" s="5"/>
      <c r="O3" s="5"/>
      <c r="P3" s="5"/>
      <c r="Q3" s="5"/>
      <c r="R3" s="5"/>
      <c r="S3" s="5"/>
      <c r="T3" s="5"/>
      <c r="U3" s="5"/>
      <c r="V3" s="5"/>
      <c r="W3" s="5"/>
      <c r="X3" s="5"/>
      <c r="Y3" s="5"/>
      <c r="Z3" s="5"/>
      <c r="AA3" s="5"/>
      <c r="AB3" s="5"/>
      <c r="AC3" s="5"/>
      <c r="AD3" s="5"/>
      <c r="AE3" s="5"/>
      <c r="AF3" s="5"/>
      <c r="AG3" s="5"/>
      <c r="AH3" s="5"/>
      <c r="AI3" s="5"/>
      <c r="AJ3" s="5"/>
      <c r="AK3" s="5"/>
    </row>
    <row r="4" spans="2:37" s="4" customFormat="1" ht="14.4" x14ac:dyDescent="0.45">
      <c r="B4" s="5"/>
      <c r="C4" s="5"/>
      <c r="D4" s="5"/>
      <c r="E4" s="5"/>
      <c r="F4" s="5"/>
      <c r="G4" s="5"/>
      <c r="H4" s="5"/>
      <c r="I4" s="5"/>
      <c r="J4" s="5"/>
      <c r="K4" s="5"/>
      <c r="L4" s="5"/>
      <c r="M4" s="5"/>
      <c r="N4" s="5"/>
      <c r="O4" s="5"/>
      <c r="P4" s="5"/>
      <c r="Q4" s="5"/>
      <c r="R4" s="5"/>
      <c r="S4" s="5"/>
      <c r="T4" s="5"/>
      <c r="U4" s="5"/>
      <c r="V4" s="5"/>
      <c r="W4" s="5"/>
      <c r="X4" s="5"/>
      <c r="Y4" s="5"/>
      <c r="Z4" s="5"/>
      <c r="AA4" s="5"/>
      <c r="AB4" s="5"/>
      <c r="AC4" s="5"/>
      <c r="AD4" s="5"/>
      <c r="AE4" s="5"/>
      <c r="AF4" s="5"/>
      <c r="AG4" s="5"/>
      <c r="AH4" s="5"/>
      <c r="AI4" s="5"/>
      <c r="AJ4" s="5"/>
      <c r="AK4" s="5"/>
    </row>
    <row r="5" spans="2:37" s="4" customFormat="1" ht="14.4" x14ac:dyDescent="0.45">
      <c r="B5" s="5" t="s">
        <v>25</v>
      </c>
      <c r="C5" s="5"/>
      <c r="D5" s="5"/>
      <c r="E5" s="5"/>
      <c r="F5" s="5"/>
      <c r="G5" s="5"/>
      <c r="H5" s="5"/>
      <c r="I5" s="5"/>
      <c r="J5" s="5"/>
      <c r="K5" s="5"/>
      <c r="L5" s="5"/>
      <c r="M5" s="5"/>
      <c r="N5" s="5"/>
      <c r="O5" s="5"/>
      <c r="P5" s="5"/>
      <c r="Q5" s="5"/>
      <c r="R5" s="5"/>
      <c r="S5" s="5"/>
      <c r="T5" s="5"/>
      <c r="U5" s="5"/>
      <c r="V5" s="5"/>
      <c r="W5" s="5"/>
      <c r="X5" s="5"/>
      <c r="Y5" s="5"/>
      <c r="Z5" s="5"/>
      <c r="AA5" s="5"/>
      <c r="AB5" s="5"/>
      <c r="AC5" s="5"/>
      <c r="AD5" s="5"/>
      <c r="AE5" s="5"/>
      <c r="AF5" s="5"/>
      <c r="AG5" s="5"/>
      <c r="AH5" s="5"/>
      <c r="AI5" s="5"/>
      <c r="AJ5" s="5"/>
      <c r="AK5" s="5"/>
    </row>
    <row r="6" spans="2:37" s="4" customFormat="1" ht="14.4" x14ac:dyDescent="0.45">
      <c r="B6" s="5"/>
      <c r="C6" s="5"/>
      <c r="D6" s="5"/>
      <c r="E6" s="5"/>
      <c r="F6" s="5"/>
      <c r="G6" s="5"/>
      <c r="H6" s="5"/>
      <c r="I6" s="5"/>
      <c r="J6" s="5"/>
      <c r="K6" s="5"/>
      <c r="L6" s="5"/>
      <c r="M6" s="5"/>
      <c r="N6" s="5"/>
      <c r="O6" s="5"/>
      <c r="P6" s="5"/>
      <c r="Q6" s="5"/>
      <c r="R6" s="5"/>
      <c r="S6" s="5"/>
      <c r="T6" s="5"/>
      <c r="U6" s="5"/>
      <c r="V6" s="5"/>
      <c r="W6" s="5"/>
      <c r="X6" s="5"/>
      <c r="Y6" s="5"/>
      <c r="Z6" s="5"/>
      <c r="AA6" s="5"/>
      <c r="AB6" s="5"/>
      <c r="AC6" s="5"/>
      <c r="AD6" s="5"/>
      <c r="AE6" s="5"/>
      <c r="AF6" s="5"/>
      <c r="AG6" s="5"/>
      <c r="AH6" s="5"/>
      <c r="AI6" s="5"/>
      <c r="AJ6" s="5"/>
      <c r="AK6" s="5"/>
    </row>
    <row r="7" spans="2:37" s="4" customFormat="1" ht="14.4" x14ac:dyDescent="0.45">
      <c r="B7" s="5"/>
      <c r="C7" s="5"/>
      <c r="D7" s="5"/>
      <c r="E7" s="5"/>
      <c r="F7" s="5"/>
      <c r="G7" s="5"/>
      <c r="H7" s="5"/>
      <c r="I7" s="5"/>
      <c r="J7" s="5"/>
      <c r="K7" s="5"/>
      <c r="L7" s="5"/>
      <c r="M7" s="5"/>
      <c r="N7" s="5"/>
      <c r="O7" s="5"/>
      <c r="P7" s="5"/>
      <c r="Q7" s="5"/>
      <c r="R7" s="5"/>
      <c r="S7" s="5"/>
      <c r="T7" s="5"/>
      <c r="U7" s="5"/>
      <c r="V7" s="5"/>
      <c r="W7" s="5"/>
      <c r="X7" s="5"/>
      <c r="Y7" s="5"/>
      <c r="Z7" s="5"/>
      <c r="AA7" s="5" t="s">
        <v>26</v>
      </c>
      <c r="AC7" s="5"/>
      <c r="AD7" s="5"/>
      <c r="AE7" s="5" t="s">
        <v>27</v>
      </c>
      <c r="AG7" s="5"/>
      <c r="AH7" s="5"/>
      <c r="AI7" s="5" t="s">
        <v>28</v>
      </c>
      <c r="AJ7" s="5"/>
      <c r="AK7" s="5"/>
    </row>
    <row r="8" spans="2:37" s="4" customFormat="1" ht="14.4" x14ac:dyDescent="0.45">
      <c r="B8" s="5"/>
      <c r="C8" s="5"/>
      <c r="D8" s="5"/>
      <c r="E8" s="5"/>
      <c r="F8" s="5"/>
      <c r="G8" s="5"/>
      <c r="H8" s="5"/>
      <c r="I8" s="5"/>
      <c r="J8" s="5"/>
      <c r="K8" s="5"/>
      <c r="L8" s="5"/>
      <c r="M8" s="5"/>
      <c r="N8" s="5"/>
      <c r="O8" s="5"/>
      <c r="P8" s="5"/>
      <c r="Q8" s="5"/>
      <c r="R8" s="5"/>
      <c r="S8" s="5"/>
      <c r="T8" s="5"/>
      <c r="U8" s="5"/>
      <c r="V8" s="5"/>
      <c r="W8" s="5"/>
      <c r="X8" s="5"/>
      <c r="Y8" s="5"/>
      <c r="Z8" s="5"/>
      <c r="AA8" s="5"/>
      <c r="AC8" s="5"/>
      <c r="AD8" s="5"/>
      <c r="AE8" s="5"/>
      <c r="AG8" s="5"/>
      <c r="AH8" s="5"/>
      <c r="AI8" s="5"/>
      <c r="AJ8" s="5"/>
      <c r="AK8" s="5"/>
    </row>
    <row r="9" spans="2:37" s="4" customFormat="1" ht="14.4" x14ac:dyDescent="0.45">
      <c r="B9" s="5"/>
      <c r="C9" s="5"/>
      <c r="D9" s="5"/>
      <c r="E9" s="5"/>
      <c r="F9" s="5"/>
      <c r="G9" s="5"/>
      <c r="H9" s="5"/>
      <c r="I9" s="5"/>
      <c r="J9" s="5"/>
      <c r="K9" s="5"/>
      <c r="L9" s="5"/>
      <c r="M9" s="5"/>
      <c r="N9" s="5"/>
      <c r="O9" s="5"/>
      <c r="P9" s="5"/>
      <c r="Q9" s="5"/>
      <c r="R9" s="5"/>
      <c r="S9" s="5"/>
      <c r="T9" s="5"/>
      <c r="U9" s="5"/>
      <c r="V9" s="5"/>
      <c r="W9" s="5"/>
      <c r="X9" s="5"/>
      <c r="Y9" s="5"/>
      <c r="Z9" s="5"/>
      <c r="AA9" s="5"/>
      <c r="AB9" s="5"/>
      <c r="AC9" s="5"/>
      <c r="AD9" s="5"/>
      <c r="AE9" s="5"/>
      <c r="AF9" s="5"/>
      <c r="AG9" s="5"/>
      <c r="AH9" s="5"/>
      <c r="AI9" s="5"/>
      <c r="AJ9" s="5"/>
      <c r="AK9" s="5"/>
    </row>
    <row r="10" spans="2:37" s="4" customFormat="1" ht="14.4" x14ac:dyDescent="0.45">
      <c r="B10" s="5"/>
      <c r="C10" s="5" t="s">
        <v>29</v>
      </c>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row>
    <row r="11" spans="2:37" s="4" customFormat="1" ht="14.4" x14ac:dyDescent="0.45">
      <c r="B11" s="5"/>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row>
    <row r="12" spans="2:37" s="4" customFormat="1" ht="14.4" x14ac:dyDescent="0.45">
      <c r="B12" s="5"/>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c r="AK12" s="5"/>
    </row>
    <row r="13" spans="2:37" s="4" customFormat="1" ht="14.4" x14ac:dyDescent="0.45">
      <c r="B13" s="5"/>
      <c r="C13" s="5"/>
      <c r="D13" s="5"/>
      <c r="E13" s="5"/>
      <c r="F13" s="5"/>
      <c r="G13" s="5"/>
      <c r="H13" s="5"/>
      <c r="I13" s="5"/>
      <c r="J13" s="5"/>
      <c r="K13" s="5"/>
      <c r="L13" s="5"/>
      <c r="M13" s="5"/>
      <c r="N13" s="5"/>
      <c r="O13" s="5"/>
      <c r="P13" s="5"/>
      <c r="Q13" s="5"/>
      <c r="R13" s="5"/>
      <c r="S13" s="5"/>
      <c r="T13" s="5" t="s">
        <v>30</v>
      </c>
      <c r="U13" s="5"/>
      <c r="W13" s="5" t="s">
        <v>31</v>
      </c>
      <c r="X13" s="5"/>
      <c r="Y13" s="6"/>
      <c r="Z13" s="7"/>
      <c r="AA13" s="7"/>
      <c r="AB13" s="7"/>
      <c r="AC13" s="7"/>
      <c r="AD13" s="7"/>
      <c r="AE13" s="7"/>
      <c r="AF13" s="7"/>
      <c r="AG13" s="7"/>
      <c r="AH13" s="7"/>
      <c r="AI13" s="7"/>
      <c r="AJ13" s="7"/>
      <c r="AK13" s="5"/>
    </row>
    <row r="14" spans="2:37" s="4" customFormat="1" ht="14.4" x14ac:dyDescent="0.45">
      <c r="B14" s="5"/>
      <c r="C14" s="5"/>
      <c r="D14" s="5"/>
      <c r="E14" s="5"/>
      <c r="F14" s="5"/>
      <c r="G14" s="5"/>
      <c r="H14" s="5"/>
      <c r="I14" s="5"/>
      <c r="J14" s="5"/>
      <c r="K14" s="5"/>
      <c r="L14" s="5"/>
      <c r="M14" s="5"/>
      <c r="N14" s="5"/>
      <c r="O14" s="5"/>
      <c r="P14" s="5"/>
      <c r="Q14" s="5"/>
      <c r="R14" s="5"/>
      <c r="S14" s="5"/>
      <c r="T14" s="5"/>
      <c r="U14" s="5"/>
      <c r="V14" s="5"/>
      <c r="W14" s="5"/>
      <c r="X14" s="5"/>
      <c r="Y14" s="5"/>
      <c r="Z14" s="5"/>
      <c r="AA14" s="5"/>
      <c r="AB14" s="5"/>
      <c r="AC14" s="5"/>
      <c r="AD14" s="5"/>
      <c r="AE14" s="5"/>
      <c r="AF14" s="5"/>
      <c r="AG14" s="5"/>
      <c r="AH14" s="5"/>
      <c r="AI14" s="5"/>
      <c r="AJ14" s="5"/>
      <c r="AK14" s="5"/>
    </row>
    <row r="15" spans="2:37" s="4" customFormat="1" ht="14.4" x14ac:dyDescent="0.45">
      <c r="B15" s="5"/>
      <c r="C15" s="5"/>
      <c r="D15" s="5"/>
      <c r="E15" s="5"/>
      <c r="F15" s="5"/>
      <c r="G15" s="5"/>
      <c r="H15" s="5"/>
      <c r="I15" s="5"/>
      <c r="J15" s="5"/>
      <c r="K15" s="5"/>
      <c r="L15" s="5"/>
      <c r="M15" s="5"/>
      <c r="N15" s="5"/>
      <c r="O15" s="5"/>
      <c r="P15" s="5"/>
      <c r="Q15" s="5"/>
      <c r="R15" s="5"/>
      <c r="S15" s="5"/>
      <c r="T15" s="5"/>
      <c r="U15" s="5"/>
      <c r="V15" s="5"/>
      <c r="W15" s="5" t="s">
        <v>32</v>
      </c>
      <c r="X15" s="5"/>
      <c r="Y15" s="6"/>
      <c r="Z15" s="7"/>
      <c r="AA15" s="7"/>
      <c r="AB15" s="7"/>
      <c r="AC15" s="7"/>
      <c r="AD15" s="7"/>
      <c r="AE15" s="7"/>
      <c r="AF15" s="7"/>
      <c r="AG15" s="7"/>
      <c r="AH15" s="7"/>
      <c r="AI15" s="7"/>
      <c r="AJ15" s="7" t="s">
        <v>33</v>
      </c>
      <c r="AK15" s="5"/>
    </row>
    <row r="16" spans="2:37" s="4" customFormat="1" ht="14.25" customHeight="1" x14ac:dyDescent="0.45">
      <c r="Y16" s="8" t="s">
        <v>34</v>
      </c>
      <c r="Z16" s="8"/>
      <c r="AA16" s="8"/>
      <c r="AB16" s="8"/>
      <c r="AC16" s="8"/>
      <c r="AD16" s="8"/>
      <c r="AE16" s="8"/>
      <c r="AF16" s="8"/>
      <c r="AG16" s="8"/>
      <c r="AH16" s="8"/>
      <c r="AI16" s="8"/>
      <c r="AJ16" s="8"/>
    </row>
    <row r="17" spans="2:37" s="4" customFormat="1" ht="14.4" x14ac:dyDescent="0.45">
      <c r="B17" s="5"/>
      <c r="C17" s="5"/>
      <c r="D17" s="5"/>
      <c r="E17" s="5"/>
      <c r="F17" s="5"/>
      <c r="G17" s="5"/>
      <c r="H17" s="5"/>
      <c r="I17" s="5"/>
      <c r="J17" s="5"/>
      <c r="K17" s="5"/>
      <c r="L17" s="5"/>
      <c r="M17" s="5"/>
      <c r="N17" s="5"/>
      <c r="O17" s="5"/>
      <c r="P17" s="5"/>
      <c r="Q17" s="5"/>
      <c r="R17" s="5"/>
      <c r="S17" s="5"/>
      <c r="T17" s="5"/>
      <c r="U17" s="5"/>
      <c r="V17" s="5"/>
      <c r="W17" s="5"/>
      <c r="X17" s="5"/>
      <c r="Y17" s="5"/>
      <c r="Z17" s="5"/>
      <c r="AA17" s="5"/>
      <c r="AB17" s="5"/>
      <c r="AC17" s="5"/>
      <c r="AD17" s="5"/>
      <c r="AE17" s="5"/>
      <c r="AF17" s="5"/>
      <c r="AG17" s="5"/>
      <c r="AH17" s="5"/>
      <c r="AI17" s="5"/>
      <c r="AJ17" s="5"/>
      <c r="AK17" s="5"/>
    </row>
    <row r="18" spans="2:37" s="4" customFormat="1" ht="14.4" x14ac:dyDescent="0.45">
      <c r="B18" s="5"/>
      <c r="C18" s="5"/>
      <c r="D18" s="5"/>
      <c r="E18" s="5"/>
      <c r="F18" s="5"/>
      <c r="G18" s="5"/>
      <c r="H18" s="5"/>
      <c r="I18" s="5"/>
      <c r="J18" s="5"/>
      <c r="K18" s="5"/>
      <c r="L18" s="5"/>
      <c r="M18" s="5"/>
      <c r="N18" s="5"/>
      <c r="O18" s="5"/>
      <c r="P18" s="5"/>
      <c r="Q18" s="5"/>
      <c r="R18" s="5"/>
      <c r="S18" s="5"/>
      <c r="T18" s="5"/>
      <c r="U18" s="5"/>
      <c r="V18" s="5"/>
      <c r="W18" s="5" t="s">
        <v>35</v>
      </c>
      <c r="X18" s="5"/>
      <c r="Y18" s="6"/>
      <c r="Z18" s="7"/>
      <c r="AA18" s="7"/>
      <c r="AB18" s="7"/>
      <c r="AC18" s="7"/>
      <c r="AD18" s="7"/>
      <c r="AE18" s="7"/>
      <c r="AF18" s="7"/>
      <c r="AG18" s="7"/>
      <c r="AH18" s="7"/>
      <c r="AI18" s="7"/>
      <c r="AJ18" s="7"/>
      <c r="AK18" s="5"/>
    </row>
    <row r="19" spans="2:37" s="4" customFormat="1" ht="14.4" x14ac:dyDescent="0.45">
      <c r="B19" s="5"/>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row>
    <row r="20" spans="2:37" s="4" customFormat="1" ht="14.4" x14ac:dyDescent="0.45">
      <c r="B20" s="5"/>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row>
    <row r="21" spans="2:37" s="4" customFormat="1" ht="14.4" x14ac:dyDescent="0.45">
      <c r="B21" s="5"/>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row>
    <row r="22" spans="2:37" s="4" customFormat="1" ht="14.4" x14ac:dyDescent="0.45">
      <c r="B22" s="5"/>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row>
    <row r="23" spans="2:37" s="4" customFormat="1" ht="14.4" x14ac:dyDescent="0.45">
      <c r="B23" s="5"/>
      <c r="C23" s="5"/>
      <c r="D23" s="5"/>
      <c r="E23" s="5"/>
      <c r="F23" s="5"/>
      <c r="G23" s="5"/>
      <c r="H23" s="5"/>
      <c r="I23" s="5"/>
      <c r="J23" s="5" t="s">
        <v>36</v>
      </c>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row>
    <row r="24" spans="2:37" s="4" customFormat="1" ht="14.4" x14ac:dyDescent="0.45">
      <c r="B24" s="5"/>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row>
    <row r="25" spans="2:37" s="4" customFormat="1" ht="14.4" x14ac:dyDescent="0.45">
      <c r="B25" s="5"/>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row>
    <row r="26" spans="2:37" s="4" customFormat="1" ht="21" customHeight="1" x14ac:dyDescent="0.45">
      <c r="B26" s="5"/>
      <c r="C26" s="5"/>
      <c r="D26" s="5"/>
      <c r="E26" s="5" t="s">
        <v>37</v>
      </c>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row>
    <row r="27" spans="2:37" s="4" customFormat="1" ht="21" customHeight="1" x14ac:dyDescent="0.45">
      <c r="B27" s="5"/>
      <c r="C27" s="5"/>
      <c r="D27" s="5" t="s">
        <v>38</v>
      </c>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row>
    <row r="28" spans="2:37" s="4" customFormat="1" ht="21" customHeight="1" x14ac:dyDescent="0.45">
      <c r="B28" s="5"/>
      <c r="C28" s="5"/>
      <c r="D28" s="5" t="s">
        <v>39</v>
      </c>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row>
    <row r="29" spans="2:37" s="4" customFormat="1" ht="14.4" x14ac:dyDescent="0.45">
      <c r="B29" s="5"/>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row>
    <row r="30" spans="2:37" s="4" customFormat="1" ht="14.4" x14ac:dyDescent="0.45">
      <c r="B30" s="5"/>
      <c r="C30" s="5"/>
      <c r="D30" s="5"/>
      <c r="E30" s="5"/>
      <c r="F30" s="5"/>
      <c r="G30" s="5"/>
      <c r="H30" s="5"/>
      <c r="I30" s="5"/>
      <c r="J30" s="5"/>
      <c r="K30" s="5"/>
      <c r="L30" s="5"/>
      <c r="M30" s="5"/>
      <c r="N30" s="5"/>
      <c r="O30" s="5"/>
      <c r="P30" s="5"/>
      <c r="Q30" s="5" t="s">
        <v>40</v>
      </c>
      <c r="R30" s="5"/>
      <c r="S30" s="5"/>
      <c r="T30" s="5"/>
      <c r="U30" s="5"/>
      <c r="V30" s="5"/>
      <c r="W30" s="5"/>
      <c r="X30" s="5"/>
      <c r="Y30" s="5"/>
      <c r="Z30" s="5"/>
      <c r="AA30" s="5"/>
      <c r="AB30" s="5"/>
      <c r="AC30" s="5"/>
      <c r="AD30" s="5"/>
      <c r="AE30" s="5"/>
      <c r="AF30" s="5"/>
      <c r="AG30" s="5"/>
      <c r="AH30" s="5"/>
      <c r="AI30" s="5"/>
      <c r="AJ30" s="5"/>
      <c r="AK30" s="5"/>
    </row>
    <row r="31" spans="2:37" s="4" customFormat="1" ht="14.4" x14ac:dyDescent="0.45">
      <c r="B31" s="5"/>
      <c r="C31" s="5"/>
      <c r="D31" s="5"/>
      <c r="E31" s="5"/>
      <c r="F31" s="5"/>
      <c r="G31" s="5"/>
      <c r="H31" s="5"/>
      <c r="I31" s="5"/>
      <c r="J31" s="5"/>
      <c r="K31" s="5"/>
      <c r="L31" s="5"/>
      <c r="M31" s="5"/>
      <c r="N31" s="5"/>
      <c r="O31" s="5"/>
      <c r="P31" s="5"/>
      <c r="Q31" s="5"/>
      <c r="R31" s="5"/>
      <c r="S31" s="5"/>
      <c r="T31" s="5"/>
      <c r="U31" s="5"/>
      <c r="V31" s="5"/>
      <c r="W31" s="5"/>
      <c r="X31" s="5"/>
      <c r="Y31" s="5"/>
      <c r="Z31" s="5"/>
      <c r="AA31" s="5"/>
      <c r="AB31" s="5"/>
      <c r="AC31" s="5"/>
      <c r="AD31" s="5"/>
      <c r="AE31" s="5"/>
      <c r="AF31" s="5"/>
      <c r="AG31" s="5"/>
      <c r="AH31" s="5"/>
      <c r="AI31" s="5"/>
      <c r="AJ31" s="5"/>
      <c r="AK31" s="5"/>
    </row>
    <row r="32" spans="2:37" s="4" customFormat="1" ht="14.4" x14ac:dyDescent="0.45">
      <c r="B32" s="5"/>
      <c r="C32" s="5"/>
      <c r="D32" s="5"/>
      <c r="E32" s="5"/>
      <c r="F32" s="5"/>
      <c r="G32" s="5"/>
      <c r="H32" s="5"/>
      <c r="I32" s="5"/>
      <c r="J32" s="5"/>
      <c r="K32" s="5"/>
      <c r="L32" s="5"/>
      <c r="M32" s="5"/>
      <c r="N32" s="5"/>
      <c r="O32" s="5"/>
      <c r="P32" s="5"/>
      <c r="Q32" s="5"/>
      <c r="R32" s="5"/>
      <c r="S32" s="5"/>
      <c r="T32" s="5"/>
      <c r="U32" s="5"/>
      <c r="V32" s="5"/>
      <c r="W32" s="5"/>
      <c r="X32" s="5"/>
      <c r="Y32" s="5"/>
      <c r="Z32" s="5"/>
      <c r="AA32" s="5"/>
      <c r="AB32" s="5"/>
      <c r="AC32" s="5"/>
      <c r="AD32" s="5"/>
      <c r="AE32" s="5"/>
      <c r="AF32" s="5"/>
      <c r="AG32" s="5"/>
      <c r="AH32" s="5"/>
      <c r="AI32" s="5"/>
      <c r="AJ32" s="5"/>
      <c r="AK32" s="5"/>
    </row>
    <row r="33" spans="2:37" s="4" customFormat="1" ht="18" customHeight="1" x14ac:dyDescent="0.45">
      <c r="B33" s="5"/>
      <c r="C33" s="5"/>
      <c r="D33" s="5"/>
      <c r="E33" s="9" t="s">
        <v>41</v>
      </c>
      <c r="F33" s="5" t="s">
        <v>42</v>
      </c>
      <c r="H33" s="5"/>
      <c r="I33" s="5"/>
      <c r="J33" s="5"/>
      <c r="K33" s="5"/>
      <c r="L33" s="5"/>
      <c r="M33" s="5"/>
      <c r="N33" s="5"/>
      <c r="O33" s="5"/>
      <c r="P33" s="5"/>
      <c r="Q33" s="5"/>
      <c r="R33" s="5"/>
      <c r="S33" s="5"/>
      <c r="T33" s="5"/>
      <c r="U33" s="5"/>
      <c r="V33" s="5"/>
      <c r="W33" s="5"/>
      <c r="X33" s="7"/>
      <c r="Y33" s="7"/>
      <c r="Z33" s="7"/>
      <c r="AA33" s="7"/>
      <c r="AB33" s="7"/>
      <c r="AC33" s="7"/>
      <c r="AD33" s="7"/>
      <c r="AE33" s="7"/>
      <c r="AF33" s="7"/>
      <c r="AG33" s="7" t="s">
        <v>43</v>
      </c>
      <c r="AH33" s="5"/>
      <c r="AI33" s="5"/>
      <c r="AJ33" s="5"/>
      <c r="AK33" s="5"/>
    </row>
    <row r="34" spans="2:37" s="4" customFormat="1" ht="18" customHeight="1" x14ac:dyDescent="0.45">
      <c r="B34" s="5"/>
      <c r="C34" s="5"/>
      <c r="D34" s="5"/>
      <c r="E34" s="5"/>
      <c r="F34" s="5"/>
      <c r="G34" s="5"/>
      <c r="H34" s="5"/>
      <c r="I34" s="5"/>
      <c r="J34" s="5"/>
      <c r="K34" s="5"/>
      <c r="L34" s="5"/>
      <c r="M34" s="5"/>
      <c r="N34" s="5"/>
      <c r="O34" s="5"/>
      <c r="P34" s="5"/>
      <c r="Q34" s="5"/>
      <c r="R34" s="5"/>
      <c r="S34" s="5"/>
      <c r="T34" s="5"/>
      <c r="U34" s="5"/>
      <c r="V34" s="5"/>
      <c r="W34" s="5"/>
      <c r="X34" s="5"/>
      <c r="Y34" s="5"/>
      <c r="Z34" s="5"/>
      <c r="AA34" s="5"/>
      <c r="AB34" s="5"/>
      <c r="AC34" s="5"/>
      <c r="AD34" s="5"/>
      <c r="AE34" s="5"/>
      <c r="AF34" s="5"/>
      <c r="AG34" s="5"/>
      <c r="AH34" s="5"/>
      <c r="AI34" s="5"/>
      <c r="AJ34" s="5"/>
      <c r="AK34" s="5"/>
    </row>
    <row r="35" spans="2:37" s="4" customFormat="1" ht="18" customHeight="1" x14ac:dyDescent="0.45">
      <c r="B35" s="5"/>
      <c r="C35" s="5"/>
      <c r="D35" s="5"/>
      <c r="E35" s="9" t="s">
        <v>44</v>
      </c>
      <c r="F35" s="5" t="s">
        <v>45</v>
      </c>
      <c r="H35" s="5"/>
      <c r="I35" s="5"/>
      <c r="J35" s="5"/>
      <c r="K35" s="5"/>
      <c r="L35" s="5"/>
      <c r="M35" s="5"/>
      <c r="N35" s="5"/>
      <c r="O35" s="5"/>
      <c r="P35" s="5"/>
      <c r="Q35" s="5"/>
      <c r="R35" s="5"/>
      <c r="S35" s="5"/>
      <c r="T35" s="5"/>
      <c r="U35" s="5"/>
      <c r="V35" s="5"/>
      <c r="W35" s="5"/>
      <c r="X35" s="7"/>
      <c r="Y35" s="7"/>
      <c r="Z35" s="7"/>
      <c r="AA35" s="7"/>
      <c r="AB35" s="7"/>
      <c r="AC35" s="7"/>
      <c r="AD35" s="7"/>
      <c r="AE35" s="7"/>
      <c r="AF35" s="7"/>
      <c r="AG35" s="7" t="s">
        <v>43</v>
      </c>
      <c r="AH35" s="5"/>
      <c r="AI35" s="5"/>
      <c r="AJ35" s="5"/>
      <c r="AK35" s="5"/>
    </row>
    <row r="36" spans="2:37" s="4" customFormat="1" ht="18" customHeight="1" x14ac:dyDescent="0.45">
      <c r="B36" s="5"/>
      <c r="C36" s="5"/>
      <c r="D36" s="5"/>
      <c r="E36" s="5"/>
      <c r="F36" s="5"/>
      <c r="G36" s="5"/>
      <c r="H36" s="5"/>
      <c r="I36" s="5"/>
      <c r="J36" s="5"/>
      <c r="K36" s="5"/>
      <c r="L36" s="5"/>
      <c r="M36" s="5"/>
      <c r="N36" s="5"/>
      <c r="O36" s="5"/>
      <c r="P36" s="5"/>
      <c r="Q36" s="5"/>
      <c r="R36" s="5"/>
      <c r="S36" s="5"/>
      <c r="T36" s="5"/>
      <c r="U36" s="5"/>
      <c r="V36" s="5"/>
      <c r="W36" s="5"/>
      <c r="X36" s="5"/>
      <c r="Y36" s="5"/>
      <c r="Z36" s="5"/>
      <c r="AA36" s="5"/>
      <c r="AB36" s="5"/>
      <c r="AC36" s="5"/>
      <c r="AD36" s="5"/>
      <c r="AE36" s="5"/>
      <c r="AF36" s="5"/>
      <c r="AG36" s="5"/>
      <c r="AH36" s="5"/>
      <c r="AI36" s="5"/>
      <c r="AJ36" s="5"/>
      <c r="AK36" s="5"/>
    </row>
    <row r="37" spans="2:37" s="4" customFormat="1" ht="18" customHeight="1" x14ac:dyDescent="0.45">
      <c r="B37" s="5"/>
      <c r="C37" s="5"/>
      <c r="D37" s="5"/>
      <c r="E37" s="9" t="s">
        <v>46</v>
      </c>
      <c r="F37" s="5" t="s">
        <v>47</v>
      </c>
      <c r="H37" s="5"/>
      <c r="I37" s="5"/>
      <c r="J37" s="5"/>
      <c r="K37" s="5"/>
      <c r="L37" s="5"/>
      <c r="M37" s="5"/>
      <c r="N37" s="5"/>
      <c r="O37" s="5"/>
      <c r="P37" s="5"/>
      <c r="Q37" s="5"/>
      <c r="R37" s="5"/>
      <c r="S37" s="5"/>
      <c r="T37" s="5"/>
      <c r="U37" s="5"/>
      <c r="V37" s="5"/>
      <c r="W37" s="5"/>
      <c r="X37" s="5"/>
      <c r="Y37" s="5"/>
      <c r="Z37" s="5"/>
      <c r="AA37" s="5"/>
      <c r="AB37" s="5"/>
      <c r="AC37" s="5"/>
      <c r="AD37" s="5"/>
      <c r="AE37" s="5"/>
      <c r="AF37" s="5"/>
      <c r="AG37" s="5"/>
      <c r="AH37" s="5"/>
      <c r="AI37" s="5"/>
      <c r="AJ37" s="5"/>
      <c r="AK37" s="5"/>
    </row>
    <row r="38" spans="2:37" s="4" customFormat="1" ht="18" customHeight="1" x14ac:dyDescent="0.45">
      <c r="B38" s="5"/>
      <c r="C38" s="5"/>
      <c r="D38" s="5"/>
      <c r="E38" s="5"/>
      <c r="F38" s="5" t="s">
        <v>48</v>
      </c>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row>
    <row r="39" spans="2:37" s="4" customFormat="1" ht="18" customHeight="1" x14ac:dyDescent="0.45">
      <c r="B39" s="5"/>
      <c r="C39" s="5"/>
      <c r="D39" s="5"/>
      <c r="E39" s="5"/>
      <c r="F39" s="5" t="s">
        <v>49</v>
      </c>
      <c r="H39" s="5"/>
      <c r="I39" s="5"/>
      <c r="J39" s="5"/>
      <c r="K39" s="5"/>
      <c r="L39" s="5"/>
      <c r="M39" s="5"/>
      <c r="N39" s="5"/>
      <c r="O39" s="5"/>
      <c r="P39" s="5"/>
      <c r="Q39" s="5"/>
      <c r="R39" s="5"/>
      <c r="S39" s="5"/>
      <c r="T39" s="5"/>
      <c r="U39" s="5"/>
      <c r="V39" s="5"/>
      <c r="W39" s="5"/>
      <c r="X39" s="5"/>
      <c r="Y39" s="5"/>
      <c r="Z39" s="5"/>
      <c r="AA39" s="5"/>
      <c r="AB39" s="5"/>
      <c r="AC39" s="5"/>
      <c r="AD39" s="5"/>
      <c r="AE39" s="5"/>
      <c r="AF39" s="5"/>
      <c r="AG39" s="5"/>
      <c r="AH39" s="5"/>
      <c r="AI39" s="5"/>
      <c r="AJ39" s="5"/>
      <c r="AK39" s="5"/>
    </row>
    <row r="40" spans="2:37" s="4" customFormat="1" ht="18" customHeight="1" x14ac:dyDescent="0.45">
      <c r="B40" s="5"/>
      <c r="C40" s="5"/>
      <c r="D40" s="5"/>
      <c r="E40" s="5"/>
      <c r="F40" s="5" t="s">
        <v>50</v>
      </c>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row>
    <row r="41" spans="2:37" s="4" customFormat="1" ht="14.4" x14ac:dyDescent="0.45">
      <c r="B41" s="5"/>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row>
    <row r="42" spans="2:37" s="4" customFormat="1" ht="14.4" x14ac:dyDescent="0.45">
      <c r="B42" s="5"/>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row>
    <row r="43" spans="2:37" s="4" customFormat="1" ht="14.4" x14ac:dyDescent="0.45">
      <c r="B43" s="5"/>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row>
    <row r="44" spans="2:37" s="4" customFormat="1" ht="13.2" x14ac:dyDescent="0.45"/>
    <row r="45" spans="2:37" s="4" customFormat="1" ht="13.2" x14ac:dyDescent="0.45"/>
    <row r="46" spans="2:37" s="4" customFormat="1" ht="13.2" x14ac:dyDescent="0.45"/>
    <row r="47" spans="2:37" s="4" customFormat="1" ht="13.2" x14ac:dyDescent="0.45"/>
    <row r="48" spans="2:37" s="4" customFormat="1" ht="13.2" x14ac:dyDescent="0.45"/>
    <row r="49" s="4" customFormat="1" ht="13.2" x14ac:dyDescent="0.45"/>
    <row r="50" s="4" customFormat="1" ht="13.2" x14ac:dyDescent="0.45"/>
    <row r="51" s="4" customFormat="1" ht="13.2" x14ac:dyDescent="0.45"/>
    <row r="52" s="4" customFormat="1" ht="13.2" x14ac:dyDescent="0.45"/>
    <row r="53" s="4" customFormat="1" ht="13.2" x14ac:dyDescent="0.45"/>
    <row r="54" s="4" customFormat="1" ht="13.2" x14ac:dyDescent="0.45"/>
    <row r="55" s="4" customFormat="1" ht="13.2" x14ac:dyDescent="0.45"/>
    <row r="56" s="4" customFormat="1" ht="13.2" x14ac:dyDescent="0.45"/>
    <row r="57" s="4" customFormat="1" ht="13.2" x14ac:dyDescent="0.45"/>
    <row r="58" s="4" customFormat="1" ht="13.2" x14ac:dyDescent="0.45"/>
    <row r="59" s="10" customFormat="1" ht="15" customHeight="1" x14ac:dyDescent="0.45"/>
    <row r="60" s="10" customFormat="1" ht="15" customHeight="1" x14ac:dyDescent="0.45"/>
    <row r="61" s="10" customFormat="1" ht="15" customHeight="1" x14ac:dyDescent="0.45"/>
    <row r="62" s="10" customFormat="1" ht="15" customHeight="1" x14ac:dyDescent="0.45"/>
    <row r="63" s="10" customFormat="1" ht="15" customHeight="1" x14ac:dyDescent="0.45"/>
    <row r="64" s="10" customFormat="1" ht="15" customHeight="1" x14ac:dyDescent="0.45"/>
    <row r="65" s="10" customFormat="1" ht="15" customHeight="1" x14ac:dyDescent="0.45"/>
    <row r="66" s="10" customFormat="1" ht="15" customHeight="1" x14ac:dyDescent="0.45"/>
    <row r="67" s="10" customFormat="1" ht="15" customHeight="1" x14ac:dyDescent="0.45"/>
    <row r="68" s="10" customFormat="1" ht="15" customHeight="1" x14ac:dyDescent="0.45"/>
    <row r="69" s="10" customFormat="1" ht="15" customHeight="1" x14ac:dyDescent="0.45"/>
    <row r="70" s="10" customFormat="1" ht="15" customHeight="1" x14ac:dyDescent="0.45"/>
    <row r="71" s="10" customFormat="1" ht="15" customHeight="1" x14ac:dyDescent="0.45"/>
    <row r="72" s="10" customFormat="1" ht="15" customHeight="1" x14ac:dyDescent="0.45"/>
    <row r="73" s="10" customFormat="1" ht="15" customHeight="1" x14ac:dyDescent="0.45"/>
    <row r="74" s="10" customFormat="1" ht="15" customHeight="1" x14ac:dyDescent="0.45"/>
    <row r="75" s="10" customFormat="1" ht="15" customHeight="1" x14ac:dyDescent="0.45"/>
    <row r="76" s="10" customFormat="1" ht="15" customHeight="1" x14ac:dyDescent="0.45"/>
    <row r="77" s="10" customFormat="1" ht="15" customHeight="1" x14ac:dyDescent="0.45"/>
    <row r="78" s="10" customFormat="1" ht="15" customHeight="1" x14ac:dyDescent="0.45"/>
    <row r="79" s="10" customFormat="1" ht="15" customHeight="1" x14ac:dyDescent="0.45"/>
    <row r="80" s="10" customFormat="1" ht="15" customHeight="1" x14ac:dyDescent="0.45"/>
    <row r="81" spans="1:38" ht="15" customHeight="1" x14ac:dyDescent="0.45">
      <c r="A81" s="10"/>
      <c r="AL81" s="10"/>
    </row>
    <row r="82" spans="1:38" ht="15" customHeight="1" x14ac:dyDescent="0.45">
      <c r="A82" s="10"/>
      <c r="AL82" s="10"/>
    </row>
    <row r="83" spans="1:38" ht="15" customHeight="1" x14ac:dyDescent="0.45">
      <c r="A83" s="10"/>
      <c r="AL83" s="10"/>
    </row>
    <row r="84" spans="1:38" ht="15" customHeight="1" x14ac:dyDescent="0.45"/>
    <row r="85" spans="1:38" ht="15" customHeight="1" x14ac:dyDescent="0.45"/>
    <row r="86" spans="1:38" ht="15" customHeight="1" x14ac:dyDescent="0.45"/>
    <row r="87" spans="1:38" ht="15" customHeight="1" x14ac:dyDescent="0.45"/>
    <row r="88" spans="1:38" ht="15" customHeight="1" x14ac:dyDescent="0.45"/>
    <row r="89" spans="1:38" ht="15" customHeight="1" x14ac:dyDescent="0.45"/>
    <row r="90" spans="1:38" ht="15" customHeight="1" x14ac:dyDescent="0.45"/>
    <row r="91" spans="1:38" ht="15" customHeight="1" x14ac:dyDescent="0.45"/>
    <row r="92" spans="1:38" ht="15" customHeight="1" x14ac:dyDescent="0.45"/>
    <row r="93" spans="1:38" ht="15" customHeight="1" x14ac:dyDescent="0.45"/>
    <row r="94" spans="1:38" ht="15" customHeight="1" x14ac:dyDescent="0.45"/>
    <row r="95" spans="1:38" ht="15" customHeight="1" x14ac:dyDescent="0.45"/>
    <row r="96" spans="1:38" ht="15" customHeight="1" x14ac:dyDescent="0.45"/>
    <row r="97" ht="15" customHeight="1" x14ac:dyDescent="0.45"/>
    <row r="98" ht="15" customHeight="1" x14ac:dyDescent="0.45"/>
    <row r="99" ht="15" customHeight="1" x14ac:dyDescent="0.45"/>
    <row r="100" ht="15" customHeight="1" x14ac:dyDescent="0.45"/>
    <row r="101" ht="15" customHeight="1" x14ac:dyDescent="0.45"/>
    <row r="102" ht="15" customHeight="1" x14ac:dyDescent="0.45"/>
    <row r="103" ht="15" customHeight="1" x14ac:dyDescent="0.45"/>
    <row r="104" ht="15" customHeight="1" x14ac:dyDescent="0.45"/>
    <row r="105" ht="15" customHeight="1" x14ac:dyDescent="0.45"/>
    <row r="106" ht="15" customHeight="1" x14ac:dyDescent="0.45"/>
    <row r="107" ht="15" customHeight="1" x14ac:dyDescent="0.45"/>
    <row r="108" ht="15" customHeight="1" x14ac:dyDescent="0.45"/>
    <row r="109" ht="15" customHeight="1" x14ac:dyDescent="0.45"/>
    <row r="110" ht="15" customHeight="1" x14ac:dyDescent="0.45"/>
    <row r="111" ht="15" customHeight="1" x14ac:dyDescent="0.45"/>
    <row r="112" ht="15" customHeight="1" x14ac:dyDescent="0.45"/>
    <row r="113" ht="15" customHeight="1" x14ac:dyDescent="0.45"/>
    <row r="114" ht="15" customHeight="1" x14ac:dyDescent="0.45"/>
    <row r="115" ht="15" customHeight="1" x14ac:dyDescent="0.45"/>
    <row r="116" ht="15" customHeight="1" x14ac:dyDescent="0.45"/>
    <row r="117" ht="15" customHeight="1" x14ac:dyDescent="0.45"/>
    <row r="118" ht="15" customHeight="1" x14ac:dyDescent="0.45"/>
    <row r="119" ht="15" customHeight="1" x14ac:dyDescent="0.45"/>
    <row r="120" ht="15" customHeight="1" x14ac:dyDescent="0.45"/>
    <row r="121" ht="15" customHeight="1" x14ac:dyDescent="0.45"/>
    <row r="122" ht="15" customHeight="1" x14ac:dyDescent="0.45"/>
    <row r="123" ht="15" customHeight="1" x14ac:dyDescent="0.45"/>
    <row r="124" ht="15" customHeight="1" x14ac:dyDescent="0.45"/>
    <row r="125" ht="15" customHeight="1" x14ac:dyDescent="0.45"/>
    <row r="126" ht="15" customHeight="1" x14ac:dyDescent="0.45"/>
    <row r="127" ht="15" customHeight="1" x14ac:dyDescent="0.45"/>
    <row r="128" ht="15" customHeight="1" x14ac:dyDescent="0.45"/>
    <row r="129" ht="15" customHeight="1" x14ac:dyDescent="0.45"/>
    <row r="130" ht="15" customHeight="1" x14ac:dyDescent="0.45"/>
    <row r="131" ht="15" customHeight="1" x14ac:dyDescent="0.45"/>
    <row r="132" ht="15" customHeight="1" x14ac:dyDescent="0.45"/>
    <row r="133" ht="15" customHeight="1" x14ac:dyDescent="0.45"/>
    <row r="134" ht="15" customHeight="1" x14ac:dyDescent="0.45"/>
    <row r="135" ht="15" customHeight="1" x14ac:dyDescent="0.45"/>
    <row r="136" ht="15" customHeight="1" x14ac:dyDescent="0.45"/>
    <row r="137" ht="15" customHeight="1" x14ac:dyDescent="0.45"/>
    <row r="138" ht="15" customHeight="1" x14ac:dyDescent="0.45"/>
    <row r="139" ht="15" customHeight="1" x14ac:dyDescent="0.45"/>
    <row r="140" ht="15" customHeight="1" x14ac:dyDescent="0.45"/>
    <row r="141" ht="15" customHeight="1" x14ac:dyDescent="0.45"/>
    <row r="142" ht="15" customHeight="1" x14ac:dyDescent="0.45"/>
    <row r="143" ht="15" customHeight="1" x14ac:dyDescent="0.45"/>
    <row r="144" ht="15" customHeight="1" x14ac:dyDescent="0.45"/>
    <row r="145" ht="15" customHeight="1" x14ac:dyDescent="0.45"/>
    <row r="146" ht="15" customHeight="1" x14ac:dyDescent="0.45"/>
    <row r="147" ht="15" customHeight="1" x14ac:dyDescent="0.45"/>
    <row r="148" ht="15" customHeight="1" x14ac:dyDescent="0.45"/>
    <row r="149" ht="15" customHeight="1" x14ac:dyDescent="0.45"/>
    <row r="150" ht="15" customHeight="1" x14ac:dyDescent="0.45"/>
    <row r="151" ht="15" customHeight="1" x14ac:dyDescent="0.45"/>
    <row r="152" ht="15" customHeight="1" x14ac:dyDescent="0.45"/>
    <row r="153" ht="15" customHeight="1" x14ac:dyDescent="0.45"/>
    <row r="154" ht="15" customHeight="1" x14ac:dyDescent="0.45"/>
    <row r="155" ht="15" customHeight="1" x14ac:dyDescent="0.45"/>
    <row r="156" ht="15" customHeight="1" x14ac:dyDescent="0.45"/>
    <row r="157" ht="15" customHeight="1" x14ac:dyDescent="0.45"/>
    <row r="158" ht="15" customHeight="1" x14ac:dyDescent="0.45"/>
    <row r="159" ht="15" customHeight="1" x14ac:dyDescent="0.45"/>
    <row r="160" ht="15" customHeight="1" x14ac:dyDescent="0.45"/>
    <row r="161" ht="15" customHeight="1" x14ac:dyDescent="0.45"/>
    <row r="162" ht="15" customHeight="1" x14ac:dyDescent="0.45"/>
    <row r="163" ht="15" customHeight="1" x14ac:dyDescent="0.45"/>
    <row r="164" ht="15" customHeight="1" x14ac:dyDescent="0.45"/>
    <row r="165" ht="15" customHeight="1" x14ac:dyDescent="0.45"/>
    <row r="166" ht="15" customHeight="1" x14ac:dyDescent="0.45"/>
    <row r="167" ht="15" customHeight="1" x14ac:dyDescent="0.45"/>
    <row r="168" ht="15" customHeight="1" x14ac:dyDescent="0.45"/>
    <row r="169" ht="15" customHeight="1" x14ac:dyDescent="0.45"/>
    <row r="170" ht="15" customHeight="1" x14ac:dyDescent="0.45"/>
    <row r="171" ht="15" customHeight="1" x14ac:dyDescent="0.45"/>
    <row r="172" ht="15" customHeight="1" x14ac:dyDescent="0.45"/>
    <row r="173" ht="15" customHeight="1" x14ac:dyDescent="0.45"/>
    <row r="174" ht="15" customHeight="1" x14ac:dyDescent="0.45"/>
    <row r="175" ht="15" customHeight="1" x14ac:dyDescent="0.45"/>
    <row r="176" ht="15" customHeight="1" x14ac:dyDescent="0.45"/>
    <row r="177" ht="15" customHeight="1" x14ac:dyDescent="0.45"/>
    <row r="178" ht="15" customHeight="1" x14ac:dyDescent="0.45"/>
    <row r="179" ht="15" customHeight="1" x14ac:dyDescent="0.45"/>
    <row r="180" ht="15" customHeight="1" x14ac:dyDescent="0.45"/>
    <row r="181" ht="15" customHeight="1" x14ac:dyDescent="0.45"/>
    <row r="182" ht="15" customHeight="1" x14ac:dyDescent="0.45"/>
    <row r="183" ht="15" customHeight="1" x14ac:dyDescent="0.45"/>
    <row r="184" ht="15" customHeight="1" x14ac:dyDescent="0.45"/>
    <row r="185" ht="15" customHeight="1" x14ac:dyDescent="0.45"/>
    <row r="186" ht="15" customHeight="1" x14ac:dyDescent="0.45"/>
    <row r="187" ht="15" customHeight="1" x14ac:dyDescent="0.45"/>
    <row r="188" ht="15" customHeight="1" x14ac:dyDescent="0.45"/>
    <row r="189" ht="15" customHeight="1" x14ac:dyDescent="0.45"/>
    <row r="190" ht="15" customHeight="1" x14ac:dyDescent="0.45"/>
    <row r="191" ht="15" customHeight="1" x14ac:dyDescent="0.45"/>
    <row r="192" ht="15" customHeight="1" x14ac:dyDescent="0.45"/>
    <row r="193" ht="15" customHeight="1" x14ac:dyDescent="0.45"/>
    <row r="194" ht="15" customHeight="1" x14ac:dyDescent="0.45"/>
    <row r="195" ht="15" customHeight="1" x14ac:dyDescent="0.45"/>
    <row r="196" ht="15" customHeight="1" x14ac:dyDescent="0.45"/>
    <row r="197" ht="15" customHeight="1" x14ac:dyDescent="0.45"/>
    <row r="198" ht="15" customHeight="1" x14ac:dyDescent="0.45"/>
    <row r="199" ht="15" customHeight="1" x14ac:dyDescent="0.45"/>
    <row r="200" ht="15" customHeight="1" x14ac:dyDescent="0.45"/>
    <row r="201" ht="15" customHeight="1" x14ac:dyDescent="0.45"/>
    <row r="202" ht="15" customHeight="1" x14ac:dyDescent="0.45"/>
    <row r="203" ht="15" customHeight="1" x14ac:dyDescent="0.45"/>
    <row r="204" ht="15" customHeight="1" x14ac:dyDescent="0.45"/>
    <row r="205" ht="15" customHeight="1" x14ac:dyDescent="0.45"/>
    <row r="206" ht="15" customHeight="1" x14ac:dyDescent="0.45"/>
    <row r="207" ht="15" customHeight="1" x14ac:dyDescent="0.45"/>
    <row r="208" ht="15" customHeight="1" x14ac:dyDescent="0.45"/>
    <row r="209" ht="15" customHeight="1" x14ac:dyDescent="0.45"/>
    <row r="210" ht="15" customHeight="1" x14ac:dyDescent="0.45"/>
    <row r="211" ht="15" customHeight="1" x14ac:dyDescent="0.45"/>
    <row r="212" ht="15" customHeight="1" x14ac:dyDescent="0.45"/>
    <row r="213" ht="15" customHeight="1" x14ac:dyDescent="0.45"/>
    <row r="214" ht="15" customHeight="1" x14ac:dyDescent="0.45"/>
    <row r="215" ht="15" customHeight="1" x14ac:dyDescent="0.45"/>
    <row r="216" ht="15" customHeight="1" x14ac:dyDescent="0.45"/>
    <row r="217" ht="15" customHeight="1" x14ac:dyDescent="0.45"/>
    <row r="218" ht="15" customHeight="1" x14ac:dyDescent="0.45"/>
    <row r="219" ht="15" customHeight="1" x14ac:dyDescent="0.45"/>
    <row r="220" ht="15" customHeight="1" x14ac:dyDescent="0.45"/>
    <row r="221" ht="15" customHeight="1" x14ac:dyDescent="0.45"/>
    <row r="222" ht="15" customHeight="1" x14ac:dyDescent="0.45"/>
    <row r="223" ht="15" customHeight="1" x14ac:dyDescent="0.45"/>
    <row r="224" ht="15" customHeight="1" x14ac:dyDescent="0.45"/>
    <row r="225" ht="15" customHeight="1" x14ac:dyDescent="0.45"/>
    <row r="226" ht="15" customHeight="1" x14ac:dyDescent="0.45"/>
    <row r="227" ht="15" customHeight="1" x14ac:dyDescent="0.45"/>
    <row r="228" ht="15" customHeight="1" x14ac:dyDescent="0.45"/>
    <row r="229" ht="15" customHeight="1" x14ac:dyDescent="0.45"/>
    <row r="230" ht="15" customHeight="1" x14ac:dyDescent="0.45"/>
    <row r="231" ht="15" customHeight="1" x14ac:dyDescent="0.45"/>
    <row r="232" ht="15" customHeight="1" x14ac:dyDescent="0.45"/>
    <row r="233" ht="15" customHeight="1" x14ac:dyDescent="0.45"/>
    <row r="234" ht="15" customHeight="1" x14ac:dyDescent="0.45"/>
    <row r="235" ht="15" customHeight="1" x14ac:dyDescent="0.45"/>
    <row r="236" ht="15" customHeight="1" x14ac:dyDescent="0.45"/>
    <row r="237" ht="15" customHeight="1" x14ac:dyDescent="0.45"/>
    <row r="238" ht="15" customHeight="1" x14ac:dyDescent="0.45"/>
    <row r="239" ht="15" customHeight="1" x14ac:dyDescent="0.45"/>
    <row r="240" ht="15" customHeight="1" x14ac:dyDescent="0.45"/>
    <row r="241" ht="15" customHeight="1" x14ac:dyDescent="0.45"/>
    <row r="242" ht="15" customHeight="1" x14ac:dyDescent="0.45"/>
    <row r="243" ht="15" customHeight="1" x14ac:dyDescent="0.45"/>
    <row r="244" ht="15" customHeight="1" x14ac:dyDescent="0.45"/>
    <row r="245" ht="15" customHeight="1" x14ac:dyDescent="0.45"/>
    <row r="246" ht="15" customHeight="1" x14ac:dyDescent="0.45"/>
    <row r="247" ht="15" customHeight="1" x14ac:dyDescent="0.45"/>
    <row r="248" ht="15" customHeight="1" x14ac:dyDescent="0.45"/>
    <row r="249" ht="15" customHeight="1" x14ac:dyDescent="0.45"/>
    <row r="250" ht="15" customHeight="1" x14ac:dyDescent="0.45"/>
    <row r="251" ht="15" customHeight="1" x14ac:dyDescent="0.45"/>
    <row r="252" ht="15" customHeight="1" x14ac:dyDescent="0.45"/>
    <row r="253" ht="15" customHeight="1" x14ac:dyDescent="0.45"/>
    <row r="254" ht="15" customHeight="1" x14ac:dyDescent="0.45"/>
    <row r="255" ht="15" customHeight="1" x14ac:dyDescent="0.45"/>
    <row r="256" ht="15" customHeight="1" x14ac:dyDescent="0.45"/>
    <row r="257" ht="15" customHeight="1" x14ac:dyDescent="0.45"/>
    <row r="258" ht="15" customHeight="1" x14ac:dyDescent="0.45"/>
    <row r="259" ht="15" customHeight="1" x14ac:dyDescent="0.45"/>
    <row r="260" ht="15" customHeight="1" x14ac:dyDescent="0.45"/>
    <row r="261" ht="15" customHeight="1" x14ac:dyDescent="0.45"/>
    <row r="262" ht="15" customHeight="1" x14ac:dyDescent="0.45"/>
    <row r="263" ht="15" customHeight="1" x14ac:dyDescent="0.45"/>
    <row r="264" ht="15" customHeight="1" x14ac:dyDescent="0.45"/>
    <row r="265" ht="15" customHeight="1" x14ac:dyDescent="0.45"/>
    <row r="266" ht="15" customHeight="1" x14ac:dyDescent="0.45"/>
    <row r="267" ht="15" customHeight="1" x14ac:dyDescent="0.45"/>
    <row r="268" ht="15" customHeight="1" x14ac:dyDescent="0.45"/>
    <row r="269" ht="15" customHeight="1" x14ac:dyDescent="0.45"/>
    <row r="270" ht="15" customHeight="1" x14ac:dyDescent="0.45"/>
    <row r="271" ht="15" customHeight="1" x14ac:dyDescent="0.45"/>
    <row r="272" ht="15" customHeight="1" x14ac:dyDescent="0.45"/>
    <row r="273" ht="15" customHeight="1" x14ac:dyDescent="0.45"/>
    <row r="274" ht="15" customHeight="1" x14ac:dyDescent="0.45"/>
    <row r="275" ht="15" customHeight="1" x14ac:dyDescent="0.45"/>
    <row r="276" ht="15" customHeight="1" x14ac:dyDescent="0.45"/>
    <row r="277" ht="15" customHeight="1" x14ac:dyDescent="0.45"/>
    <row r="278" ht="15" customHeight="1" x14ac:dyDescent="0.45"/>
    <row r="279" ht="15" customHeight="1" x14ac:dyDescent="0.45"/>
    <row r="280" ht="15" customHeight="1" x14ac:dyDescent="0.45"/>
    <row r="281" ht="15" customHeight="1" x14ac:dyDescent="0.45"/>
    <row r="282" ht="15" customHeight="1" x14ac:dyDescent="0.45"/>
    <row r="283" ht="15" customHeight="1" x14ac:dyDescent="0.45"/>
    <row r="284" ht="15" customHeight="1" x14ac:dyDescent="0.45"/>
    <row r="285" ht="15" customHeight="1" x14ac:dyDescent="0.45"/>
    <row r="286" ht="15" customHeight="1" x14ac:dyDescent="0.45"/>
    <row r="287" ht="15" customHeight="1" x14ac:dyDescent="0.45"/>
    <row r="288" ht="15" customHeight="1" x14ac:dyDescent="0.45"/>
    <row r="289" ht="15" customHeight="1" x14ac:dyDescent="0.45"/>
    <row r="290" ht="15" customHeight="1" x14ac:dyDescent="0.45"/>
    <row r="291" ht="15" customHeight="1" x14ac:dyDescent="0.45"/>
    <row r="292" ht="15" customHeight="1" x14ac:dyDescent="0.45"/>
    <row r="293" ht="15" customHeight="1" x14ac:dyDescent="0.45"/>
    <row r="294" ht="15" customHeight="1" x14ac:dyDescent="0.45"/>
    <row r="295" ht="15" customHeight="1" x14ac:dyDescent="0.45"/>
    <row r="296" ht="15" customHeight="1" x14ac:dyDescent="0.45"/>
    <row r="297" ht="15" customHeight="1" x14ac:dyDescent="0.45"/>
    <row r="298" ht="15" customHeight="1" x14ac:dyDescent="0.45"/>
    <row r="299" ht="15" customHeight="1" x14ac:dyDescent="0.45"/>
    <row r="300" ht="15" customHeight="1" x14ac:dyDescent="0.45"/>
    <row r="301" ht="15" customHeight="1" x14ac:dyDescent="0.45"/>
    <row r="302" ht="15" customHeight="1" x14ac:dyDescent="0.45"/>
    <row r="303" ht="15" customHeight="1" x14ac:dyDescent="0.45"/>
    <row r="304" ht="15" customHeight="1" x14ac:dyDescent="0.45"/>
    <row r="305" ht="15" customHeight="1" x14ac:dyDescent="0.45"/>
    <row r="306" ht="15" customHeight="1" x14ac:dyDescent="0.45"/>
    <row r="307" ht="15" customHeight="1" x14ac:dyDescent="0.45"/>
    <row r="308" ht="15" customHeight="1" x14ac:dyDescent="0.45"/>
    <row r="309" ht="15" customHeight="1" x14ac:dyDescent="0.45"/>
    <row r="310" ht="15" customHeight="1" x14ac:dyDescent="0.45"/>
    <row r="311" ht="15" customHeight="1" x14ac:dyDescent="0.45"/>
    <row r="312" ht="15" customHeight="1" x14ac:dyDescent="0.45"/>
    <row r="313" ht="15" customHeight="1" x14ac:dyDescent="0.45"/>
    <row r="314" ht="15" customHeight="1" x14ac:dyDescent="0.45"/>
    <row r="315" ht="15" customHeight="1" x14ac:dyDescent="0.45"/>
    <row r="316" ht="15" customHeight="1" x14ac:dyDescent="0.45"/>
    <row r="317" ht="15" customHeight="1" x14ac:dyDescent="0.45"/>
    <row r="318" ht="15" customHeight="1" x14ac:dyDescent="0.45"/>
    <row r="319" ht="15" customHeight="1" x14ac:dyDescent="0.45"/>
    <row r="320" ht="15" customHeight="1" x14ac:dyDescent="0.45"/>
    <row r="321" ht="15" customHeight="1" x14ac:dyDescent="0.45"/>
    <row r="322" ht="15" customHeight="1" x14ac:dyDescent="0.45"/>
    <row r="323" ht="15" customHeight="1" x14ac:dyDescent="0.45"/>
    <row r="324" ht="15" customHeight="1" x14ac:dyDescent="0.45"/>
    <row r="325" ht="15" customHeight="1" x14ac:dyDescent="0.45"/>
    <row r="326" ht="15" customHeight="1" x14ac:dyDescent="0.45"/>
    <row r="327" ht="15" customHeight="1" x14ac:dyDescent="0.45"/>
    <row r="328" ht="15" customHeight="1" x14ac:dyDescent="0.45"/>
    <row r="329" ht="15" customHeight="1" x14ac:dyDescent="0.45"/>
    <row r="330" ht="15" customHeight="1" x14ac:dyDescent="0.45"/>
    <row r="331" ht="15" customHeight="1" x14ac:dyDescent="0.45"/>
    <row r="332" ht="15" customHeight="1" x14ac:dyDescent="0.45"/>
    <row r="333" ht="15" customHeight="1" x14ac:dyDescent="0.45"/>
    <row r="334" ht="15" customHeight="1" x14ac:dyDescent="0.45"/>
    <row r="335" ht="15" customHeight="1" x14ac:dyDescent="0.45"/>
    <row r="336" ht="15" customHeight="1" x14ac:dyDescent="0.45"/>
    <row r="337" ht="15" customHeight="1" x14ac:dyDescent="0.45"/>
    <row r="338" ht="15" customHeight="1" x14ac:dyDescent="0.45"/>
    <row r="339" ht="15" customHeight="1" x14ac:dyDescent="0.45"/>
    <row r="340" ht="15" customHeight="1" x14ac:dyDescent="0.45"/>
    <row r="341" ht="15" customHeight="1" x14ac:dyDescent="0.45"/>
    <row r="342" ht="15" customHeight="1" x14ac:dyDescent="0.45"/>
    <row r="343" ht="15" customHeight="1" x14ac:dyDescent="0.45"/>
    <row r="344" ht="15" customHeight="1" x14ac:dyDescent="0.45"/>
    <row r="345" ht="15" customHeight="1" x14ac:dyDescent="0.45"/>
    <row r="346" ht="15" customHeight="1" x14ac:dyDescent="0.45"/>
    <row r="347" ht="15" customHeight="1" x14ac:dyDescent="0.45"/>
    <row r="348" ht="15" customHeight="1" x14ac:dyDescent="0.45"/>
    <row r="349" ht="15" customHeight="1" x14ac:dyDescent="0.45"/>
    <row r="350" ht="15" customHeight="1" x14ac:dyDescent="0.45"/>
    <row r="351" ht="15" customHeight="1" x14ac:dyDescent="0.45"/>
    <row r="352" ht="15" customHeight="1" x14ac:dyDescent="0.45"/>
    <row r="353" ht="15" customHeight="1" x14ac:dyDescent="0.45"/>
    <row r="354" ht="15" customHeight="1" x14ac:dyDescent="0.45"/>
    <row r="355" ht="15" customHeight="1" x14ac:dyDescent="0.45"/>
    <row r="356" ht="15" customHeight="1" x14ac:dyDescent="0.45"/>
    <row r="357" ht="15" customHeight="1" x14ac:dyDescent="0.45"/>
    <row r="358" ht="15" customHeight="1" x14ac:dyDescent="0.45"/>
    <row r="359" ht="15" customHeight="1" x14ac:dyDescent="0.45"/>
    <row r="360" ht="15" customHeight="1" x14ac:dyDescent="0.45"/>
    <row r="361" ht="15" customHeight="1" x14ac:dyDescent="0.45"/>
    <row r="362" ht="15" customHeight="1" x14ac:dyDescent="0.45"/>
    <row r="363" ht="15" customHeight="1" x14ac:dyDescent="0.45"/>
    <row r="364" ht="15" customHeight="1" x14ac:dyDescent="0.45"/>
    <row r="365" ht="15" customHeight="1" x14ac:dyDescent="0.45"/>
    <row r="366" ht="15" customHeight="1" x14ac:dyDescent="0.45"/>
    <row r="367" ht="15" customHeight="1" x14ac:dyDescent="0.45"/>
    <row r="368" ht="15" customHeight="1" x14ac:dyDescent="0.45"/>
    <row r="369" ht="15" customHeight="1" x14ac:dyDescent="0.45"/>
    <row r="370" ht="15" customHeight="1" x14ac:dyDescent="0.45"/>
    <row r="371" ht="15" customHeight="1" x14ac:dyDescent="0.45"/>
    <row r="372" ht="15" customHeight="1" x14ac:dyDescent="0.45"/>
    <row r="373" ht="15" customHeight="1" x14ac:dyDescent="0.45"/>
    <row r="374" ht="15" customHeight="1" x14ac:dyDescent="0.45"/>
    <row r="375" ht="15" customHeight="1" x14ac:dyDescent="0.45"/>
    <row r="376" ht="15" customHeight="1" x14ac:dyDescent="0.45"/>
    <row r="377" ht="15" customHeight="1" x14ac:dyDescent="0.45"/>
    <row r="378" ht="15" customHeight="1" x14ac:dyDescent="0.45"/>
    <row r="379" ht="15" customHeight="1" x14ac:dyDescent="0.45"/>
    <row r="380" ht="15" customHeight="1" x14ac:dyDescent="0.45"/>
    <row r="381" ht="15" customHeight="1" x14ac:dyDescent="0.45"/>
    <row r="382" ht="15" customHeight="1" x14ac:dyDescent="0.45"/>
    <row r="383" ht="15" customHeight="1" x14ac:dyDescent="0.45"/>
    <row r="384" ht="15" customHeight="1" x14ac:dyDescent="0.45"/>
    <row r="385" ht="15" customHeight="1" x14ac:dyDescent="0.45"/>
    <row r="386" ht="15" customHeight="1" x14ac:dyDescent="0.45"/>
    <row r="387" ht="15" customHeight="1" x14ac:dyDescent="0.45"/>
    <row r="388" ht="15" customHeight="1" x14ac:dyDescent="0.45"/>
    <row r="389" ht="15" customHeight="1" x14ac:dyDescent="0.45"/>
    <row r="390" ht="15" customHeight="1" x14ac:dyDescent="0.45"/>
    <row r="391" ht="15" customHeight="1" x14ac:dyDescent="0.45"/>
    <row r="392" ht="15" customHeight="1" x14ac:dyDescent="0.45"/>
    <row r="393" ht="15" customHeight="1" x14ac:dyDescent="0.45"/>
    <row r="394" ht="15" customHeight="1" x14ac:dyDescent="0.45"/>
    <row r="395" ht="15" customHeight="1" x14ac:dyDescent="0.45"/>
    <row r="396" ht="15" customHeight="1" x14ac:dyDescent="0.45"/>
    <row r="397" ht="15" customHeight="1" x14ac:dyDescent="0.45"/>
    <row r="398" ht="15" customHeight="1" x14ac:dyDescent="0.45"/>
    <row r="399" ht="15" customHeight="1" x14ac:dyDescent="0.45"/>
    <row r="400" ht="15" customHeight="1" x14ac:dyDescent="0.45"/>
    <row r="401" ht="15" customHeight="1" x14ac:dyDescent="0.45"/>
    <row r="402" ht="15" customHeight="1" x14ac:dyDescent="0.45"/>
    <row r="403" ht="15" customHeight="1" x14ac:dyDescent="0.45"/>
    <row r="404" ht="15" customHeight="1" x14ac:dyDescent="0.45"/>
    <row r="405" ht="15" customHeight="1" x14ac:dyDescent="0.45"/>
    <row r="406" ht="15" customHeight="1" x14ac:dyDescent="0.45"/>
    <row r="407" ht="15" customHeight="1" x14ac:dyDescent="0.45"/>
    <row r="408" ht="15" customHeight="1" x14ac:dyDescent="0.45"/>
    <row r="409" ht="15" customHeight="1" x14ac:dyDescent="0.45"/>
    <row r="410" ht="15" customHeight="1" x14ac:dyDescent="0.45"/>
    <row r="411" ht="15" customHeight="1" x14ac:dyDescent="0.45"/>
    <row r="412" ht="15" customHeight="1" x14ac:dyDescent="0.45"/>
    <row r="413" ht="15" customHeight="1" x14ac:dyDescent="0.45"/>
    <row r="414" ht="15" customHeight="1" x14ac:dyDescent="0.45"/>
    <row r="415" ht="15" customHeight="1" x14ac:dyDescent="0.45"/>
    <row r="416" ht="15" customHeight="1" x14ac:dyDescent="0.45"/>
    <row r="417" ht="15" customHeight="1" x14ac:dyDescent="0.45"/>
    <row r="418" ht="15" customHeight="1" x14ac:dyDescent="0.45"/>
    <row r="419" ht="15" customHeight="1" x14ac:dyDescent="0.45"/>
    <row r="420" ht="15" customHeight="1" x14ac:dyDescent="0.45"/>
    <row r="421" ht="15" customHeight="1" x14ac:dyDescent="0.45"/>
    <row r="422" ht="15" customHeight="1" x14ac:dyDescent="0.45"/>
    <row r="423" ht="15" customHeight="1" x14ac:dyDescent="0.45"/>
    <row r="424" ht="15" customHeight="1" x14ac:dyDescent="0.45"/>
    <row r="425" ht="15" customHeight="1" x14ac:dyDescent="0.45"/>
    <row r="426" ht="15" customHeight="1" x14ac:dyDescent="0.45"/>
    <row r="427" ht="15" customHeight="1" x14ac:dyDescent="0.45"/>
    <row r="428" ht="15" customHeight="1" x14ac:dyDescent="0.45"/>
    <row r="429" ht="15" customHeight="1" x14ac:dyDescent="0.45"/>
    <row r="430" ht="15" customHeight="1" x14ac:dyDescent="0.45"/>
    <row r="431" ht="15" customHeight="1" x14ac:dyDescent="0.45"/>
    <row r="432" ht="15" customHeight="1" x14ac:dyDescent="0.45"/>
    <row r="433" ht="15" customHeight="1" x14ac:dyDescent="0.45"/>
    <row r="434" ht="15" customHeight="1" x14ac:dyDescent="0.45"/>
    <row r="435" ht="15" customHeight="1" x14ac:dyDescent="0.45"/>
    <row r="436" ht="15" customHeight="1" x14ac:dyDescent="0.45"/>
    <row r="437" ht="15" customHeight="1" x14ac:dyDescent="0.45"/>
    <row r="438" ht="15" customHeight="1" x14ac:dyDescent="0.45"/>
    <row r="439" ht="15" customHeight="1" x14ac:dyDescent="0.45"/>
    <row r="440" ht="15" customHeight="1" x14ac:dyDescent="0.45"/>
    <row r="441" ht="15" customHeight="1" x14ac:dyDescent="0.45"/>
    <row r="442" ht="15" customHeight="1" x14ac:dyDescent="0.45"/>
    <row r="443" ht="15" customHeight="1" x14ac:dyDescent="0.45"/>
    <row r="444" ht="15" customHeight="1" x14ac:dyDescent="0.45"/>
    <row r="445" ht="15" customHeight="1" x14ac:dyDescent="0.45"/>
    <row r="446" ht="15" customHeight="1" x14ac:dyDescent="0.45"/>
    <row r="447" ht="15" customHeight="1" x14ac:dyDescent="0.45"/>
    <row r="448" ht="15" customHeight="1" x14ac:dyDescent="0.45"/>
    <row r="449" ht="15" customHeight="1" x14ac:dyDescent="0.45"/>
    <row r="450" ht="15" customHeight="1" x14ac:dyDescent="0.45"/>
    <row r="451" ht="15" customHeight="1" x14ac:dyDescent="0.45"/>
    <row r="452" ht="15" customHeight="1" x14ac:dyDescent="0.45"/>
    <row r="453" ht="15" customHeight="1" x14ac:dyDescent="0.45"/>
    <row r="454" ht="15" customHeight="1" x14ac:dyDescent="0.45"/>
    <row r="455" ht="15" customHeight="1" x14ac:dyDescent="0.45"/>
    <row r="456" ht="15" customHeight="1" x14ac:dyDescent="0.45"/>
    <row r="457" ht="15" customHeight="1" x14ac:dyDescent="0.45"/>
    <row r="458" ht="15" customHeight="1" x14ac:dyDescent="0.45"/>
    <row r="459" ht="15" customHeight="1" x14ac:dyDescent="0.45"/>
    <row r="460" ht="15" customHeight="1" x14ac:dyDescent="0.45"/>
    <row r="461" ht="15" customHeight="1" x14ac:dyDescent="0.45"/>
    <row r="462" ht="15" customHeight="1" x14ac:dyDescent="0.45"/>
    <row r="463" ht="15" customHeight="1" x14ac:dyDescent="0.45"/>
    <row r="464" ht="15" customHeight="1" x14ac:dyDescent="0.45"/>
    <row r="465" ht="15" customHeight="1" x14ac:dyDescent="0.45"/>
    <row r="466" ht="15" customHeight="1" x14ac:dyDescent="0.45"/>
    <row r="467" ht="15" customHeight="1" x14ac:dyDescent="0.45"/>
    <row r="468" ht="15" customHeight="1" x14ac:dyDescent="0.45"/>
    <row r="469" ht="15" customHeight="1" x14ac:dyDescent="0.45"/>
    <row r="470" ht="15" customHeight="1" x14ac:dyDescent="0.45"/>
    <row r="471" ht="15" customHeight="1" x14ac:dyDescent="0.45"/>
    <row r="472" ht="15" customHeight="1" x14ac:dyDescent="0.45"/>
    <row r="473" ht="15" customHeight="1" x14ac:dyDescent="0.45"/>
    <row r="474" ht="15" customHeight="1" x14ac:dyDescent="0.45"/>
    <row r="475" ht="15" customHeight="1" x14ac:dyDescent="0.45"/>
    <row r="476" ht="15" customHeight="1" x14ac:dyDescent="0.45"/>
    <row r="477" ht="15" customHeight="1" x14ac:dyDescent="0.45"/>
    <row r="478" ht="15" customHeight="1" x14ac:dyDescent="0.45"/>
    <row r="479" ht="15" customHeight="1" x14ac:dyDescent="0.45"/>
    <row r="480" ht="15" customHeight="1" x14ac:dyDescent="0.45"/>
    <row r="481" ht="15" customHeight="1" x14ac:dyDescent="0.45"/>
    <row r="482" ht="15" customHeight="1" x14ac:dyDescent="0.45"/>
    <row r="483" ht="15" customHeight="1" x14ac:dyDescent="0.45"/>
    <row r="484" ht="15" customHeight="1" x14ac:dyDescent="0.45"/>
    <row r="485" ht="15" customHeight="1" x14ac:dyDescent="0.45"/>
    <row r="486" ht="15" customHeight="1" x14ac:dyDescent="0.45"/>
    <row r="487" ht="15" customHeight="1" x14ac:dyDescent="0.45"/>
    <row r="488" ht="15" customHeight="1" x14ac:dyDescent="0.45"/>
    <row r="489" ht="15" customHeight="1" x14ac:dyDescent="0.45"/>
    <row r="490" ht="15" customHeight="1" x14ac:dyDescent="0.45"/>
    <row r="491" ht="15" customHeight="1" x14ac:dyDescent="0.45"/>
    <row r="492" ht="15" customHeight="1" x14ac:dyDescent="0.45"/>
    <row r="493" ht="15" customHeight="1" x14ac:dyDescent="0.45"/>
    <row r="494" ht="15" customHeight="1" x14ac:dyDescent="0.45"/>
    <row r="495" ht="15" customHeight="1" x14ac:dyDescent="0.45"/>
    <row r="496" ht="15" customHeight="1" x14ac:dyDescent="0.45"/>
    <row r="497" ht="15" customHeight="1" x14ac:dyDescent="0.45"/>
    <row r="498" ht="15" customHeight="1" x14ac:dyDescent="0.45"/>
    <row r="499" ht="15" customHeight="1" x14ac:dyDescent="0.45"/>
    <row r="500" ht="15" customHeight="1" x14ac:dyDescent="0.45"/>
    <row r="501" ht="15" customHeight="1" x14ac:dyDescent="0.45"/>
    <row r="502" ht="15" customHeight="1" x14ac:dyDescent="0.45"/>
    <row r="503" ht="15" customHeight="1" x14ac:dyDescent="0.45"/>
    <row r="504" ht="15" customHeight="1" x14ac:dyDescent="0.45"/>
    <row r="505" ht="15" customHeight="1" x14ac:dyDescent="0.45"/>
    <row r="506" ht="15" customHeight="1" x14ac:dyDescent="0.45"/>
    <row r="507" ht="15" customHeight="1" x14ac:dyDescent="0.45"/>
    <row r="508" ht="15" customHeight="1" x14ac:dyDescent="0.45"/>
    <row r="509" ht="15" customHeight="1" x14ac:dyDescent="0.45"/>
    <row r="510" ht="15" customHeight="1" x14ac:dyDescent="0.45"/>
    <row r="511" ht="15" customHeight="1" x14ac:dyDescent="0.45"/>
    <row r="512" ht="15" customHeight="1" x14ac:dyDescent="0.45"/>
    <row r="513" ht="15" customHeight="1" x14ac:dyDescent="0.45"/>
    <row r="514" ht="15" customHeight="1" x14ac:dyDescent="0.45"/>
    <row r="515" ht="15" customHeight="1" x14ac:dyDescent="0.45"/>
    <row r="516" ht="15" customHeight="1" x14ac:dyDescent="0.45"/>
    <row r="517" ht="15" customHeight="1" x14ac:dyDescent="0.45"/>
    <row r="518" ht="15" customHeight="1" x14ac:dyDescent="0.45"/>
    <row r="519" ht="15" customHeight="1" x14ac:dyDescent="0.45"/>
    <row r="520" ht="15" customHeight="1" x14ac:dyDescent="0.45"/>
    <row r="521" ht="15" customHeight="1" x14ac:dyDescent="0.45"/>
    <row r="522" ht="15" customHeight="1" x14ac:dyDescent="0.45"/>
    <row r="523" ht="15" customHeight="1" x14ac:dyDescent="0.45"/>
    <row r="524" ht="15" customHeight="1" x14ac:dyDescent="0.45"/>
    <row r="525" ht="15" customHeight="1" x14ac:dyDescent="0.45"/>
    <row r="526" ht="15" customHeight="1" x14ac:dyDescent="0.45"/>
    <row r="527" ht="15" customHeight="1" x14ac:dyDescent="0.45"/>
    <row r="528" ht="15" customHeight="1" x14ac:dyDescent="0.45"/>
    <row r="529" ht="15" customHeight="1" x14ac:dyDescent="0.45"/>
    <row r="530" ht="15" customHeight="1" x14ac:dyDescent="0.45"/>
    <row r="531" ht="15" customHeight="1" x14ac:dyDescent="0.45"/>
    <row r="532" ht="15" customHeight="1" x14ac:dyDescent="0.45"/>
    <row r="533" ht="15" customHeight="1" x14ac:dyDescent="0.45"/>
    <row r="534" ht="15" customHeight="1" x14ac:dyDescent="0.45"/>
    <row r="535" ht="15" customHeight="1" x14ac:dyDescent="0.45"/>
    <row r="536" ht="15" customHeight="1" x14ac:dyDescent="0.45"/>
    <row r="537" ht="15" customHeight="1" x14ac:dyDescent="0.45"/>
    <row r="538" ht="15" customHeight="1" x14ac:dyDescent="0.45"/>
    <row r="539" ht="15" customHeight="1" x14ac:dyDescent="0.45"/>
    <row r="540" ht="15" customHeight="1" x14ac:dyDescent="0.45"/>
    <row r="541" ht="15" customHeight="1" x14ac:dyDescent="0.45"/>
    <row r="542" ht="15" customHeight="1" x14ac:dyDescent="0.45"/>
    <row r="543" ht="15" customHeight="1" x14ac:dyDescent="0.45"/>
    <row r="544" ht="15" customHeight="1" x14ac:dyDescent="0.45"/>
    <row r="545" ht="15" customHeight="1" x14ac:dyDescent="0.45"/>
    <row r="546" ht="15" customHeight="1" x14ac:dyDescent="0.45"/>
    <row r="547" ht="15" customHeight="1" x14ac:dyDescent="0.45"/>
    <row r="548" ht="15" customHeight="1" x14ac:dyDescent="0.45"/>
    <row r="549" ht="15" customHeight="1" x14ac:dyDescent="0.45"/>
    <row r="550" ht="15" customHeight="1" x14ac:dyDescent="0.45"/>
    <row r="551" ht="15" customHeight="1" x14ac:dyDescent="0.45"/>
    <row r="552" ht="15" customHeight="1" x14ac:dyDescent="0.45"/>
    <row r="553" ht="15" customHeight="1" x14ac:dyDescent="0.45"/>
    <row r="554" ht="15" customHeight="1" x14ac:dyDescent="0.45"/>
    <row r="555" ht="15" customHeight="1" x14ac:dyDescent="0.45"/>
    <row r="556" ht="15" customHeight="1" x14ac:dyDescent="0.45"/>
    <row r="557" ht="15" customHeight="1" x14ac:dyDescent="0.45"/>
    <row r="558" ht="15" customHeight="1" x14ac:dyDescent="0.45"/>
    <row r="559" ht="15" customHeight="1" x14ac:dyDescent="0.45"/>
    <row r="560" ht="15" customHeight="1" x14ac:dyDescent="0.45"/>
    <row r="561" ht="15" customHeight="1" x14ac:dyDescent="0.45"/>
    <row r="562" ht="15" customHeight="1" x14ac:dyDescent="0.45"/>
    <row r="563" ht="15" customHeight="1" x14ac:dyDescent="0.45"/>
    <row r="564" ht="15" customHeight="1" x14ac:dyDescent="0.45"/>
    <row r="565" ht="15" customHeight="1" x14ac:dyDescent="0.45"/>
    <row r="566" ht="15" customHeight="1" x14ac:dyDescent="0.45"/>
    <row r="567" ht="15" customHeight="1" x14ac:dyDescent="0.45"/>
    <row r="568" ht="15" customHeight="1" x14ac:dyDescent="0.45"/>
    <row r="569" ht="15" customHeight="1" x14ac:dyDescent="0.45"/>
    <row r="570" ht="15" customHeight="1" x14ac:dyDescent="0.45"/>
    <row r="571" ht="15" customHeight="1" x14ac:dyDescent="0.45"/>
    <row r="572" ht="15" customHeight="1" x14ac:dyDescent="0.45"/>
    <row r="573" ht="15" customHeight="1" x14ac:dyDescent="0.45"/>
    <row r="574" ht="15" customHeight="1" x14ac:dyDescent="0.45"/>
    <row r="575" ht="15" customHeight="1" x14ac:dyDescent="0.45"/>
    <row r="576" ht="15" customHeight="1" x14ac:dyDescent="0.45"/>
    <row r="577" ht="15" customHeight="1" x14ac:dyDescent="0.45"/>
    <row r="578" ht="15" customHeight="1" x14ac:dyDescent="0.45"/>
    <row r="579" ht="15" customHeight="1" x14ac:dyDescent="0.45"/>
    <row r="580" ht="15" customHeight="1" x14ac:dyDescent="0.45"/>
    <row r="581" ht="15" customHeight="1" x14ac:dyDescent="0.45"/>
    <row r="582" ht="15" customHeight="1" x14ac:dyDescent="0.45"/>
    <row r="583" ht="15" customHeight="1" x14ac:dyDescent="0.45"/>
    <row r="584" ht="15" customHeight="1" x14ac:dyDescent="0.45"/>
    <row r="585" ht="15" customHeight="1" x14ac:dyDescent="0.45"/>
    <row r="586" ht="15" customHeight="1" x14ac:dyDescent="0.45"/>
    <row r="587" ht="15" customHeight="1" x14ac:dyDescent="0.45"/>
    <row r="588" ht="15" customHeight="1" x14ac:dyDescent="0.45"/>
    <row r="589" ht="15" customHeight="1" x14ac:dyDescent="0.45"/>
    <row r="590" ht="15" customHeight="1" x14ac:dyDescent="0.45"/>
    <row r="591" ht="15" customHeight="1" x14ac:dyDescent="0.45"/>
    <row r="592" ht="15" customHeight="1" x14ac:dyDescent="0.45"/>
    <row r="593" ht="15" customHeight="1" x14ac:dyDescent="0.45"/>
    <row r="594" ht="15" customHeight="1" x14ac:dyDescent="0.45"/>
    <row r="595" ht="15" customHeight="1" x14ac:dyDescent="0.45"/>
    <row r="596" ht="15" customHeight="1" x14ac:dyDescent="0.45"/>
    <row r="597" ht="15" customHeight="1" x14ac:dyDescent="0.45"/>
    <row r="598" ht="15" customHeight="1" x14ac:dyDescent="0.45"/>
    <row r="599" ht="15" customHeight="1" x14ac:dyDescent="0.45"/>
    <row r="600" ht="15" customHeight="1" x14ac:dyDescent="0.45"/>
    <row r="601" ht="15" customHeight="1" x14ac:dyDescent="0.45"/>
    <row r="602" ht="15" customHeight="1" x14ac:dyDescent="0.45"/>
    <row r="603" ht="15" customHeight="1" x14ac:dyDescent="0.45"/>
    <row r="604" ht="15" customHeight="1" x14ac:dyDescent="0.45"/>
    <row r="605" ht="15" customHeight="1" x14ac:dyDescent="0.45"/>
    <row r="606" ht="15" customHeight="1" x14ac:dyDescent="0.45"/>
    <row r="607" ht="15" customHeight="1" x14ac:dyDescent="0.45"/>
    <row r="608" ht="15" customHeight="1" x14ac:dyDescent="0.45"/>
    <row r="609" ht="15" customHeight="1" x14ac:dyDescent="0.45"/>
    <row r="610" ht="15" customHeight="1" x14ac:dyDescent="0.45"/>
    <row r="611" ht="15" customHeight="1" x14ac:dyDescent="0.45"/>
    <row r="612" ht="15" customHeight="1" x14ac:dyDescent="0.45"/>
    <row r="613" ht="15" customHeight="1" x14ac:dyDescent="0.45"/>
    <row r="614" ht="15" customHeight="1" x14ac:dyDescent="0.45"/>
    <row r="615" ht="15" customHeight="1" x14ac:dyDescent="0.45"/>
    <row r="616" ht="15" customHeight="1" x14ac:dyDescent="0.45"/>
    <row r="617" ht="15" customHeight="1" x14ac:dyDescent="0.45"/>
    <row r="618" ht="15" customHeight="1" x14ac:dyDescent="0.45"/>
    <row r="619" ht="15" customHeight="1" x14ac:dyDescent="0.45"/>
    <row r="620" ht="15" customHeight="1" x14ac:dyDescent="0.45"/>
    <row r="621" ht="15" customHeight="1" x14ac:dyDescent="0.45"/>
    <row r="622" ht="15" customHeight="1" x14ac:dyDescent="0.45"/>
    <row r="623" ht="15" customHeight="1" x14ac:dyDescent="0.45"/>
    <row r="624" ht="15" customHeight="1" x14ac:dyDescent="0.45"/>
    <row r="625" ht="15" customHeight="1" x14ac:dyDescent="0.45"/>
    <row r="626" ht="15" customHeight="1" x14ac:dyDescent="0.45"/>
    <row r="627" ht="15" customHeight="1" x14ac:dyDescent="0.45"/>
    <row r="628" ht="15" customHeight="1" x14ac:dyDescent="0.45"/>
    <row r="629" ht="15" customHeight="1" x14ac:dyDescent="0.45"/>
    <row r="630" ht="15" customHeight="1" x14ac:dyDescent="0.45"/>
    <row r="631" ht="15" customHeight="1" x14ac:dyDescent="0.45"/>
    <row r="632" ht="15" customHeight="1" x14ac:dyDescent="0.45"/>
    <row r="633" ht="15" customHeight="1" x14ac:dyDescent="0.45"/>
    <row r="634" ht="15" customHeight="1" x14ac:dyDescent="0.45"/>
    <row r="635" ht="15" customHeight="1" x14ac:dyDescent="0.45"/>
    <row r="636" ht="15" customHeight="1" x14ac:dyDescent="0.45"/>
    <row r="637" ht="15" customHeight="1" x14ac:dyDescent="0.45"/>
    <row r="638" ht="15" customHeight="1" x14ac:dyDescent="0.45"/>
    <row r="639" ht="15" customHeight="1" x14ac:dyDescent="0.45"/>
    <row r="640" ht="15" customHeight="1" x14ac:dyDescent="0.45"/>
    <row r="641" ht="15" customHeight="1" x14ac:dyDescent="0.45"/>
    <row r="642" ht="15" customHeight="1" x14ac:dyDescent="0.45"/>
    <row r="643" ht="15" customHeight="1" x14ac:dyDescent="0.45"/>
    <row r="644" ht="15" customHeight="1" x14ac:dyDescent="0.45"/>
    <row r="645" ht="15" customHeight="1" x14ac:dyDescent="0.45"/>
    <row r="646" ht="15" customHeight="1" x14ac:dyDescent="0.45"/>
    <row r="647" ht="15" customHeight="1" x14ac:dyDescent="0.45"/>
    <row r="648" ht="15" customHeight="1" x14ac:dyDescent="0.45"/>
    <row r="649" ht="15" customHeight="1" x14ac:dyDescent="0.45"/>
    <row r="650" ht="15" customHeight="1" x14ac:dyDescent="0.45"/>
    <row r="651" ht="15" customHeight="1" x14ac:dyDescent="0.45"/>
    <row r="652" ht="15" customHeight="1" x14ac:dyDescent="0.45"/>
    <row r="653" ht="15" customHeight="1" x14ac:dyDescent="0.45"/>
    <row r="654" ht="15" customHeight="1" x14ac:dyDescent="0.45"/>
    <row r="655" ht="15" customHeight="1" x14ac:dyDescent="0.45"/>
    <row r="656" ht="15" customHeight="1" x14ac:dyDescent="0.45"/>
    <row r="657" ht="15" customHeight="1" x14ac:dyDescent="0.45"/>
    <row r="658" ht="15" customHeight="1" x14ac:dyDescent="0.45"/>
    <row r="659" ht="15" customHeight="1" x14ac:dyDescent="0.45"/>
    <row r="660" ht="15" customHeight="1" x14ac:dyDescent="0.45"/>
    <row r="661" ht="15" customHeight="1" x14ac:dyDescent="0.45"/>
    <row r="662" ht="15" customHeight="1" x14ac:dyDescent="0.45"/>
    <row r="663" ht="15" customHeight="1" x14ac:dyDescent="0.45"/>
    <row r="664" ht="15" customHeight="1" x14ac:dyDescent="0.45"/>
    <row r="665" ht="15" customHeight="1" x14ac:dyDescent="0.45"/>
    <row r="666" ht="15" customHeight="1" x14ac:dyDescent="0.45"/>
    <row r="667" ht="15" customHeight="1" x14ac:dyDescent="0.45"/>
    <row r="668" ht="15" customHeight="1" x14ac:dyDescent="0.45"/>
    <row r="669" ht="15" customHeight="1" x14ac:dyDescent="0.45"/>
    <row r="670" ht="15" customHeight="1" x14ac:dyDescent="0.45"/>
    <row r="671" ht="15" customHeight="1" x14ac:dyDescent="0.45"/>
    <row r="672" ht="15" customHeight="1" x14ac:dyDescent="0.45"/>
    <row r="673" ht="15" customHeight="1" x14ac:dyDescent="0.45"/>
    <row r="674" ht="15" customHeight="1" x14ac:dyDescent="0.45"/>
    <row r="675" ht="15" customHeight="1" x14ac:dyDescent="0.45"/>
    <row r="676" ht="15" customHeight="1" x14ac:dyDescent="0.45"/>
    <row r="677" ht="15" customHeight="1" x14ac:dyDescent="0.45"/>
    <row r="678" ht="15" customHeight="1" x14ac:dyDescent="0.45"/>
    <row r="679" ht="15" customHeight="1" x14ac:dyDescent="0.45"/>
    <row r="680" ht="15" customHeight="1" x14ac:dyDescent="0.45"/>
    <row r="681" ht="15" customHeight="1" x14ac:dyDescent="0.45"/>
    <row r="682" ht="15" customHeight="1" x14ac:dyDescent="0.45"/>
    <row r="683" ht="15" customHeight="1" x14ac:dyDescent="0.45"/>
    <row r="684" ht="15" customHeight="1" x14ac:dyDescent="0.45"/>
    <row r="685" ht="15" customHeight="1" x14ac:dyDescent="0.45"/>
    <row r="686" ht="15" customHeight="1" x14ac:dyDescent="0.45"/>
    <row r="687" ht="15" customHeight="1" x14ac:dyDescent="0.45"/>
    <row r="688" ht="15" customHeight="1" x14ac:dyDescent="0.45"/>
    <row r="689" ht="15" customHeight="1" x14ac:dyDescent="0.45"/>
    <row r="690" ht="15" customHeight="1" x14ac:dyDescent="0.45"/>
    <row r="691" ht="15" customHeight="1" x14ac:dyDescent="0.45"/>
    <row r="692" ht="15" customHeight="1" x14ac:dyDescent="0.45"/>
    <row r="693" ht="15" customHeight="1" x14ac:dyDescent="0.45"/>
    <row r="694" ht="15" customHeight="1" x14ac:dyDescent="0.45"/>
    <row r="695" ht="15" customHeight="1" x14ac:dyDescent="0.45"/>
    <row r="696" ht="15" customHeight="1" x14ac:dyDescent="0.45"/>
    <row r="697" ht="15" customHeight="1" x14ac:dyDescent="0.45"/>
    <row r="698" ht="15" customHeight="1" x14ac:dyDescent="0.45"/>
    <row r="699" ht="15" customHeight="1" x14ac:dyDescent="0.45"/>
    <row r="700" ht="15" customHeight="1" x14ac:dyDescent="0.45"/>
    <row r="701" ht="15" customHeight="1" x14ac:dyDescent="0.45"/>
    <row r="702" ht="15" customHeight="1" x14ac:dyDescent="0.45"/>
    <row r="703" ht="15" customHeight="1" x14ac:dyDescent="0.45"/>
    <row r="704" ht="15" customHeight="1" x14ac:dyDescent="0.45"/>
    <row r="705" ht="15" customHeight="1" x14ac:dyDescent="0.45"/>
    <row r="706" ht="15" customHeight="1" x14ac:dyDescent="0.45"/>
    <row r="707" ht="15" customHeight="1" x14ac:dyDescent="0.45"/>
    <row r="708" ht="15" customHeight="1" x14ac:dyDescent="0.45"/>
    <row r="709" ht="15" customHeight="1" x14ac:dyDescent="0.45"/>
    <row r="710" ht="15" customHeight="1" x14ac:dyDescent="0.45"/>
    <row r="711" ht="15" customHeight="1" x14ac:dyDescent="0.45"/>
    <row r="712" ht="15" customHeight="1" x14ac:dyDescent="0.45"/>
    <row r="713" ht="15" customHeight="1" x14ac:dyDescent="0.45"/>
    <row r="714" ht="15" customHeight="1" x14ac:dyDescent="0.45"/>
    <row r="715" ht="15" customHeight="1" x14ac:dyDescent="0.45"/>
    <row r="716" ht="15" customHeight="1" x14ac:dyDescent="0.45"/>
    <row r="717" ht="15" customHeight="1" x14ac:dyDescent="0.45"/>
    <row r="718" ht="15" customHeight="1" x14ac:dyDescent="0.45"/>
    <row r="719" ht="15" customHeight="1" x14ac:dyDescent="0.45"/>
    <row r="720" ht="15" customHeight="1" x14ac:dyDescent="0.45"/>
    <row r="721" ht="15" customHeight="1" x14ac:dyDescent="0.45"/>
    <row r="722" ht="15" customHeight="1" x14ac:dyDescent="0.45"/>
    <row r="723" ht="15" customHeight="1" x14ac:dyDescent="0.45"/>
    <row r="724" ht="15" customHeight="1" x14ac:dyDescent="0.45"/>
    <row r="725" ht="15" customHeight="1" x14ac:dyDescent="0.45"/>
    <row r="726" ht="15" customHeight="1" x14ac:dyDescent="0.45"/>
    <row r="727" ht="15" customHeight="1" x14ac:dyDescent="0.45"/>
    <row r="728" ht="15" customHeight="1" x14ac:dyDescent="0.45"/>
    <row r="729" ht="15" customHeight="1" x14ac:dyDescent="0.45"/>
    <row r="730" ht="15" customHeight="1" x14ac:dyDescent="0.45"/>
    <row r="731" ht="15" customHeight="1" x14ac:dyDescent="0.45"/>
    <row r="732" ht="15" customHeight="1" x14ac:dyDescent="0.45"/>
    <row r="733" ht="15" customHeight="1" x14ac:dyDescent="0.45"/>
    <row r="734" ht="15" customHeight="1" x14ac:dyDescent="0.45"/>
    <row r="735" ht="15" customHeight="1" x14ac:dyDescent="0.45"/>
    <row r="736" ht="15" customHeight="1" x14ac:dyDescent="0.45"/>
    <row r="737" ht="15" customHeight="1" x14ac:dyDescent="0.45"/>
    <row r="738" ht="15" customHeight="1" x14ac:dyDescent="0.45"/>
    <row r="739" ht="15" customHeight="1" x14ac:dyDescent="0.45"/>
    <row r="740" ht="15" customHeight="1" x14ac:dyDescent="0.45"/>
    <row r="741" ht="15" customHeight="1" x14ac:dyDescent="0.45"/>
    <row r="742" ht="15" customHeight="1" x14ac:dyDescent="0.45"/>
    <row r="743" ht="15" customHeight="1" x14ac:dyDescent="0.45"/>
    <row r="744" ht="15" customHeight="1" x14ac:dyDescent="0.45"/>
    <row r="745" ht="15" customHeight="1" x14ac:dyDescent="0.45"/>
    <row r="746" ht="15" customHeight="1" x14ac:dyDescent="0.45"/>
    <row r="747" ht="15" customHeight="1" x14ac:dyDescent="0.45"/>
    <row r="748" ht="15" customHeight="1" x14ac:dyDescent="0.45"/>
    <row r="749" ht="15" customHeight="1" x14ac:dyDescent="0.45"/>
    <row r="750" ht="15" customHeight="1" x14ac:dyDescent="0.45"/>
    <row r="751" ht="15" customHeight="1" x14ac:dyDescent="0.45"/>
    <row r="752" ht="15" customHeight="1" x14ac:dyDescent="0.45"/>
    <row r="753" ht="15" customHeight="1" x14ac:dyDescent="0.45"/>
    <row r="754" ht="15" customHeight="1" x14ac:dyDescent="0.45"/>
    <row r="755" ht="15" customHeight="1" x14ac:dyDescent="0.45"/>
    <row r="756" ht="15" customHeight="1" x14ac:dyDescent="0.45"/>
    <row r="757" ht="15" customHeight="1" x14ac:dyDescent="0.45"/>
    <row r="758" ht="15" customHeight="1" x14ac:dyDescent="0.45"/>
    <row r="759" ht="15" customHeight="1" x14ac:dyDescent="0.45"/>
    <row r="760" ht="15" customHeight="1" x14ac:dyDescent="0.45"/>
    <row r="761" ht="15" customHeight="1" x14ac:dyDescent="0.45"/>
    <row r="762" ht="15" customHeight="1" x14ac:dyDescent="0.45"/>
    <row r="763" ht="15" customHeight="1" x14ac:dyDescent="0.45"/>
    <row r="764" ht="15" customHeight="1" x14ac:dyDescent="0.45"/>
    <row r="765" ht="15" customHeight="1" x14ac:dyDescent="0.45"/>
    <row r="766" ht="15" customHeight="1" x14ac:dyDescent="0.45"/>
    <row r="767" ht="15" customHeight="1" x14ac:dyDescent="0.45"/>
    <row r="768" ht="15" customHeight="1" x14ac:dyDescent="0.45"/>
    <row r="769" ht="15" customHeight="1" x14ac:dyDescent="0.45"/>
    <row r="770" ht="15" customHeight="1" x14ac:dyDescent="0.45"/>
    <row r="771" ht="15" customHeight="1" x14ac:dyDescent="0.45"/>
    <row r="772" ht="15" customHeight="1" x14ac:dyDescent="0.45"/>
    <row r="773" ht="15" customHeight="1" x14ac:dyDescent="0.45"/>
    <row r="774" ht="15" customHeight="1" x14ac:dyDescent="0.45"/>
    <row r="775" ht="15" customHeight="1" x14ac:dyDescent="0.45"/>
    <row r="776" ht="15" customHeight="1" x14ac:dyDescent="0.45"/>
    <row r="777" ht="15" customHeight="1" x14ac:dyDescent="0.45"/>
    <row r="778" ht="15" customHeight="1" x14ac:dyDescent="0.45"/>
    <row r="779" ht="15" customHeight="1" x14ac:dyDescent="0.45"/>
    <row r="780" ht="15" customHeight="1" x14ac:dyDescent="0.45"/>
    <row r="781" ht="15" customHeight="1" x14ac:dyDescent="0.45"/>
    <row r="782" ht="15" customHeight="1" x14ac:dyDescent="0.45"/>
    <row r="783" ht="15" customHeight="1" x14ac:dyDescent="0.45"/>
    <row r="784" ht="15" customHeight="1" x14ac:dyDescent="0.45"/>
    <row r="785" ht="15" customHeight="1" x14ac:dyDescent="0.45"/>
    <row r="786" ht="15" customHeight="1" x14ac:dyDescent="0.45"/>
    <row r="787" ht="15" customHeight="1" x14ac:dyDescent="0.45"/>
    <row r="788" ht="15" customHeight="1" x14ac:dyDescent="0.45"/>
    <row r="789" ht="15" customHeight="1" x14ac:dyDescent="0.45"/>
    <row r="790" ht="15" customHeight="1" x14ac:dyDescent="0.45"/>
    <row r="791" ht="15" customHeight="1" x14ac:dyDescent="0.45"/>
    <row r="792" ht="15" customHeight="1" x14ac:dyDescent="0.45"/>
    <row r="793" ht="15" customHeight="1" x14ac:dyDescent="0.45"/>
    <row r="794" ht="15" customHeight="1" x14ac:dyDescent="0.45"/>
    <row r="795" ht="15" customHeight="1" x14ac:dyDescent="0.45"/>
    <row r="796" ht="15" customHeight="1" x14ac:dyDescent="0.45"/>
    <row r="797" ht="15" customHeight="1" x14ac:dyDescent="0.45"/>
    <row r="798" ht="15" customHeight="1" x14ac:dyDescent="0.45"/>
    <row r="799" ht="15" customHeight="1" x14ac:dyDescent="0.45"/>
    <row r="800" ht="15" customHeight="1" x14ac:dyDescent="0.45"/>
    <row r="801" ht="15" customHeight="1" x14ac:dyDescent="0.45"/>
    <row r="802" ht="15" customHeight="1" x14ac:dyDescent="0.45"/>
    <row r="803" ht="15" customHeight="1" x14ac:dyDescent="0.45"/>
    <row r="804" ht="15" customHeight="1" x14ac:dyDescent="0.45"/>
    <row r="805" ht="15" customHeight="1" x14ac:dyDescent="0.45"/>
    <row r="806" ht="15" customHeight="1" x14ac:dyDescent="0.45"/>
    <row r="807" ht="15" customHeight="1" x14ac:dyDescent="0.45"/>
    <row r="808" ht="15" customHeight="1" x14ac:dyDescent="0.45"/>
    <row r="809" ht="15" customHeight="1" x14ac:dyDescent="0.45"/>
    <row r="810" ht="15" customHeight="1" x14ac:dyDescent="0.45"/>
    <row r="811" ht="15" customHeight="1" x14ac:dyDescent="0.45"/>
    <row r="812" ht="15" customHeight="1" x14ac:dyDescent="0.45"/>
    <row r="813" ht="15" customHeight="1" x14ac:dyDescent="0.45"/>
    <row r="814" ht="15" customHeight="1" x14ac:dyDescent="0.45"/>
    <row r="815" ht="15" customHeight="1" x14ac:dyDescent="0.45"/>
    <row r="816" ht="15" customHeight="1" x14ac:dyDescent="0.45"/>
    <row r="817" ht="15" customHeight="1" x14ac:dyDescent="0.45"/>
    <row r="818" ht="15" customHeight="1" x14ac:dyDescent="0.45"/>
    <row r="819" ht="15" customHeight="1" x14ac:dyDescent="0.45"/>
    <row r="820" ht="15" customHeight="1" x14ac:dyDescent="0.45"/>
    <row r="821" ht="15" customHeight="1" x14ac:dyDescent="0.45"/>
    <row r="822" ht="15" customHeight="1" x14ac:dyDescent="0.45"/>
    <row r="823" ht="15" customHeight="1" x14ac:dyDescent="0.45"/>
    <row r="824" ht="15" customHeight="1" x14ac:dyDescent="0.45"/>
    <row r="825" ht="15" customHeight="1" x14ac:dyDescent="0.45"/>
    <row r="826" ht="15" customHeight="1" x14ac:dyDescent="0.45"/>
    <row r="827" ht="15" customHeight="1" x14ac:dyDescent="0.45"/>
    <row r="828" ht="15" customHeight="1" x14ac:dyDescent="0.45"/>
    <row r="829" ht="15" customHeight="1" x14ac:dyDescent="0.45"/>
    <row r="830" ht="15" customHeight="1" x14ac:dyDescent="0.45"/>
    <row r="831" ht="15" customHeight="1" x14ac:dyDescent="0.45"/>
    <row r="832" ht="15" customHeight="1" x14ac:dyDescent="0.45"/>
    <row r="833" ht="15" customHeight="1" x14ac:dyDescent="0.45"/>
    <row r="834" ht="15" customHeight="1" x14ac:dyDescent="0.45"/>
    <row r="835" ht="15" customHeight="1" x14ac:dyDescent="0.45"/>
    <row r="836" ht="15" customHeight="1" x14ac:dyDescent="0.45"/>
    <row r="837" ht="15" customHeight="1" x14ac:dyDescent="0.45"/>
    <row r="838" ht="15" customHeight="1" x14ac:dyDescent="0.45"/>
    <row r="839" ht="15" customHeight="1" x14ac:dyDescent="0.45"/>
    <row r="840" ht="15" customHeight="1" x14ac:dyDescent="0.45"/>
    <row r="841" ht="15" customHeight="1" x14ac:dyDescent="0.45"/>
    <row r="842" ht="15" customHeight="1" x14ac:dyDescent="0.45"/>
    <row r="843" ht="15" customHeight="1" x14ac:dyDescent="0.45"/>
    <row r="844" ht="15" customHeight="1" x14ac:dyDescent="0.45"/>
    <row r="845" ht="15" customHeight="1" x14ac:dyDescent="0.45"/>
    <row r="846" ht="15" customHeight="1" x14ac:dyDescent="0.45"/>
    <row r="847" ht="15" customHeight="1" x14ac:dyDescent="0.45"/>
    <row r="848" ht="15" customHeight="1" x14ac:dyDescent="0.45"/>
    <row r="849" ht="15" customHeight="1" x14ac:dyDescent="0.45"/>
    <row r="850" ht="15" customHeight="1" x14ac:dyDescent="0.45"/>
    <row r="851" ht="15" customHeight="1" x14ac:dyDescent="0.45"/>
    <row r="852" ht="15" customHeight="1" x14ac:dyDescent="0.45"/>
    <row r="853" ht="15" customHeight="1" x14ac:dyDescent="0.45"/>
    <row r="854" ht="15" customHeight="1" x14ac:dyDescent="0.45"/>
    <row r="855" ht="15" customHeight="1" x14ac:dyDescent="0.45"/>
    <row r="856" ht="15" customHeight="1" x14ac:dyDescent="0.45"/>
    <row r="857" ht="15" customHeight="1" x14ac:dyDescent="0.45"/>
    <row r="858" ht="15" customHeight="1" x14ac:dyDescent="0.45"/>
    <row r="859" ht="15" customHeight="1" x14ac:dyDescent="0.45"/>
    <row r="860" ht="15" customHeight="1" x14ac:dyDescent="0.45"/>
    <row r="861" ht="15" customHeight="1" x14ac:dyDescent="0.45"/>
    <row r="862" ht="15" customHeight="1" x14ac:dyDescent="0.45"/>
    <row r="863" ht="15" customHeight="1" x14ac:dyDescent="0.45"/>
    <row r="864" ht="15" customHeight="1" x14ac:dyDescent="0.45"/>
    <row r="865" ht="15" customHeight="1" x14ac:dyDescent="0.45"/>
    <row r="866" ht="15" customHeight="1" x14ac:dyDescent="0.45"/>
    <row r="867" ht="15" customHeight="1" x14ac:dyDescent="0.45"/>
    <row r="868" ht="15" customHeight="1" x14ac:dyDescent="0.45"/>
    <row r="869" ht="15" customHeight="1" x14ac:dyDescent="0.45"/>
    <row r="870" ht="15" customHeight="1" x14ac:dyDescent="0.45"/>
    <row r="871" ht="15" customHeight="1" x14ac:dyDescent="0.45"/>
    <row r="872" ht="15" customHeight="1" x14ac:dyDescent="0.45"/>
    <row r="873" ht="15" customHeight="1" x14ac:dyDescent="0.45"/>
    <row r="874" ht="15" customHeight="1" x14ac:dyDescent="0.45"/>
    <row r="875" ht="15" customHeight="1" x14ac:dyDescent="0.45"/>
    <row r="876" ht="15" customHeight="1" x14ac:dyDescent="0.45"/>
    <row r="877" ht="15" customHeight="1" x14ac:dyDescent="0.45"/>
    <row r="878" ht="15" customHeight="1" x14ac:dyDescent="0.45"/>
    <row r="879" ht="15" customHeight="1" x14ac:dyDescent="0.45"/>
    <row r="880" ht="15" customHeight="1" x14ac:dyDescent="0.45"/>
    <row r="881" ht="15" customHeight="1" x14ac:dyDescent="0.45"/>
    <row r="882" ht="15" customHeight="1" x14ac:dyDescent="0.45"/>
    <row r="883" ht="15" customHeight="1" x14ac:dyDescent="0.45"/>
    <row r="884" ht="15" customHeight="1" x14ac:dyDescent="0.45"/>
    <row r="885" ht="15" customHeight="1" x14ac:dyDescent="0.45"/>
    <row r="886" ht="15" customHeight="1" x14ac:dyDescent="0.45"/>
    <row r="887" ht="15" customHeight="1" x14ac:dyDescent="0.45"/>
    <row r="888" ht="15" customHeight="1" x14ac:dyDescent="0.45"/>
    <row r="889" ht="15" customHeight="1" x14ac:dyDescent="0.45"/>
    <row r="890" ht="15" customHeight="1" x14ac:dyDescent="0.45"/>
    <row r="891" ht="15" customHeight="1" x14ac:dyDescent="0.45"/>
    <row r="892" ht="15" customHeight="1" x14ac:dyDescent="0.45"/>
    <row r="893" ht="15" customHeight="1" x14ac:dyDescent="0.45"/>
    <row r="894" ht="15" customHeight="1" x14ac:dyDescent="0.45"/>
    <row r="895" ht="15" customHeight="1" x14ac:dyDescent="0.45"/>
    <row r="896" ht="15" customHeight="1" x14ac:dyDescent="0.45"/>
    <row r="897" ht="15" customHeight="1" x14ac:dyDescent="0.45"/>
    <row r="898" ht="15" customHeight="1" x14ac:dyDescent="0.45"/>
    <row r="899" ht="15" customHeight="1" x14ac:dyDescent="0.45"/>
    <row r="900" ht="15" customHeight="1" x14ac:dyDescent="0.45"/>
    <row r="901" ht="15" customHeight="1" x14ac:dyDescent="0.45"/>
    <row r="902" ht="15" customHeight="1" x14ac:dyDescent="0.45"/>
    <row r="903" ht="15" customHeight="1" x14ac:dyDescent="0.45"/>
    <row r="904" ht="15" customHeight="1" x14ac:dyDescent="0.45"/>
    <row r="905" ht="15" customHeight="1" x14ac:dyDescent="0.45"/>
    <row r="906" ht="15" customHeight="1" x14ac:dyDescent="0.45"/>
    <row r="907" ht="15" customHeight="1" x14ac:dyDescent="0.45"/>
    <row r="908" ht="15" customHeight="1" x14ac:dyDescent="0.45"/>
    <row r="909" ht="15" customHeight="1" x14ac:dyDescent="0.45"/>
    <row r="910" ht="15" customHeight="1" x14ac:dyDescent="0.45"/>
    <row r="911" ht="15" customHeight="1" x14ac:dyDescent="0.45"/>
    <row r="912" ht="15" customHeight="1" x14ac:dyDescent="0.45"/>
    <row r="913" ht="15" customHeight="1" x14ac:dyDescent="0.45"/>
    <row r="914" ht="15" customHeight="1" x14ac:dyDescent="0.45"/>
    <row r="915" ht="15" customHeight="1" x14ac:dyDescent="0.45"/>
    <row r="916" ht="15" customHeight="1" x14ac:dyDescent="0.45"/>
    <row r="917" ht="15" customHeight="1" x14ac:dyDescent="0.45"/>
    <row r="918" ht="15" customHeight="1" x14ac:dyDescent="0.45"/>
    <row r="919" ht="15" customHeight="1" x14ac:dyDescent="0.45"/>
    <row r="920" ht="15" customHeight="1" x14ac:dyDescent="0.45"/>
    <row r="921" ht="15" customHeight="1" x14ac:dyDescent="0.45"/>
    <row r="922" ht="15" customHeight="1" x14ac:dyDescent="0.45"/>
    <row r="923" ht="15" customHeight="1" x14ac:dyDescent="0.45"/>
    <row r="924" ht="15" customHeight="1" x14ac:dyDescent="0.45"/>
    <row r="925" ht="15" customHeight="1" x14ac:dyDescent="0.45"/>
    <row r="926" ht="15" customHeight="1" x14ac:dyDescent="0.45"/>
    <row r="927" ht="15" customHeight="1" x14ac:dyDescent="0.45"/>
    <row r="928" ht="15" customHeight="1" x14ac:dyDescent="0.45"/>
    <row r="929" ht="15" customHeight="1" x14ac:dyDescent="0.45"/>
    <row r="930" ht="15" customHeight="1" x14ac:dyDescent="0.45"/>
    <row r="931" ht="15" customHeight="1" x14ac:dyDescent="0.45"/>
    <row r="932" ht="15" customHeight="1" x14ac:dyDescent="0.45"/>
    <row r="933" ht="15" customHeight="1" x14ac:dyDescent="0.45"/>
    <row r="934" ht="15" customHeight="1" x14ac:dyDescent="0.45"/>
    <row r="935" ht="15" customHeight="1" x14ac:dyDescent="0.45"/>
    <row r="936" ht="15" customHeight="1" x14ac:dyDescent="0.45"/>
    <row r="937" ht="15" customHeight="1" x14ac:dyDescent="0.45"/>
    <row r="938" ht="15" customHeight="1" x14ac:dyDescent="0.45"/>
    <row r="939" ht="15" customHeight="1" x14ac:dyDescent="0.45"/>
    <row r="940" ht="15" customHeight="1" x14ac:dyDescent="0.45"/>
    <row r="941" ht="15" customHeight="1" x14ac:dyDescent="0.45"/>
    <row r="942" ht="15" customHeight="1" x14ac:dyDescent="0.45"/>
    <row r="943" ht="15" customHeight="1" x14ac:dyDescent="0.45"/>
    <row r="944" ht="15" customHeight="1" x14ac:dyDescent="0.45"/>
    <row r="945" ht="15" customHeight="1" x14ac:dyDescent="0.45"/>
    <row r="946" ht="15" customHeight="1" x14ac:dyDescent="0.45"/>
    <row r="947" ht="15" customHeight="1" x14ac:dyDescent="0.45"/>
    <row r="948" ht="15" customHeight="1" x14ac:dyDescent="0.45"/>
    <row r="949" ht="15" customHeight="1" x14ac:dyDescent="0.45"/>
    <row r="950" ht="15" customHeight="1" x14ac:dyDescent="0.45"/>
    <row r="951" ht="15" customHeight="1" x14ac:dyDescent="0.45"/>
    <row r="952" ht="15" customHeight="1" x14ac:dyDescent="0.45"/>
    <row r="953" ht="15" customHeight="1" x14ac:dyDescent="0.45"/>
    <row r="954" ht="15" customHeight="1" x14ac:dyDescent="0.45"/>
    <row r="955" ht="15" customHeight="1" x14ac:dyDescent="0.45"/>
    <row r="956" ht="15" customHeight="1" x14ac:dyDescent="0.45"/>
    <row r="957" ht="15" customHeight="1" x14ac:dyDescent="0.45"/>
    <row r="958" ht="15" customHeight="1" x14ac:dyDescent="0.45"/>
    <row r="959" ht="15" customHeight="1" x14ac:dyDescent="0.45"/>
    <row r="960" ht="15" customHeight="1" x14ac:dyDescent="0.45"/>
    <row r="961" ht="15" customHeight="1" x14ac:dyDescent="0.45"/>
    <row r="962" ht="15" customHeight="1" x14ac:dyDescent="0.45"/>
    <row r="963" ht="15" customHeight="1" x14ac:dyDescent="0.45"/>
    <row r="964" ht="15" customHeight="1" x14ac:dyDescent="0.45"/>
    <row r="965" ht="15" customHeight="1" x14ac:dyDescent="0.45"/>
    <row r="966" ht="15" customHeight="1" x14ac:dyDescent="0.45"/>
    <row r="967" ht="15" customHeight="1" x14ac:dyDescent="0.45"/>
    <row r="968" ht="15" customHeight="1" x14ac:dyDescent="0.45"/>
    <row r="969" ht="15" customHeight="1" x14ac:dyDescent="0.45"/>
    <row r="970" ht="15" customHeight="1" x14ac:dyDescent="0.45"/>
    <row r="971" ht="15" customHeight="1" x14ac:dyDescent="0.45"/>
    <row r="972" ht="15" customHeight="1" x14ac:dyDescent="0.45"/>
    <row r="973" ht="15" customHeight="1" x14ac:dyDescent="0.45"/>
    <row r="974" ht="15" customHeight="1" x14ac:dyDescent="0.45"/>
    <row r="975" ht="15" customHeight="1" x14ac:dyDescent="0.45"/>
    <row r="976" ht="15" customHeight="1" x14ac:dyDescent="0.45"/>
    <row r="977" ht="15" customHeight="1" x14ac:dyDescent="0.45"/>
    <row r="978" ht="15" customHeight="1" x14ac:dyDescent="0.45"/>
    <row r="979" ht="15" customHeight="1" x14ac:dyDescent="0.45"/>
    <row r="980" ht="15" customHeight="1" x14ac:dyDescent="0.45"/>
    <row r="981" ht="15" customHeight="1" x14ac:dyDescent="0.45"/>
    <row r="982" ht="15" customHeight="1" x14ac:dyDescent="0.45"/>
    <row r="983" ht="15" customHeight="1" x14ac:dyDescent="0.45"/>
    <row r="984" ht="15" customHeight="1" x14ac:dyDescent="0.45"/>
    <row r="985" ht="15" customHeight="1" x14ac:dyDescent="0.45"/>
    <row r="986" ht="15" customHeight="1" x14ac:dyDescent="0.45"/>
    <row r="987" ht="15" customHeight="1" x14ac:dyDescent="0.45"/>
    <row r="988" ht="15" customHeight="1" x14ac:dyDescent="0.45"/>
    <row r="989" ht="15" customHeight="1" x14ac:dyDescent="0.45"/>
    <row r="990" ht="15" customHeight="1" x14ac:dyDescent="0.45"/>
    <row r="991" ht="15" customHeight="1" x14ac:dyDescent="0.45"/>
    <row r="992" ht="15" customHeight="1" x14ac:dyDescent="0.45"/>
    <row r="993" ht="15" customHeight="1" x14ac:dyDescent="0.45"/>
    <row r="994" ht="15" customHeight="1" x14ac:dyDescent="0.45"/>
    <row r="995" ht="15" customHeight="1" x14ac:dyDescent="0.45"/>
    <row r="996" ht="15" customHeight="1" x14ac:dyDescent="0.45"/>
    <row r="997" ht="15" customHeight="1" x14ac:dyDescent="0.45"/>
    <row r="998" ht="15" customHeight="1" x14ac:dyDescent="0.45"/>
    <row r="999" ht="15" customHeight="1" x14ac:dyDescent="0.45"/>
    <row r="1000" ht="15" customHeight="1" x14ac:dyDescent="0.45"/>
    <row r="1001" ht="15" customHeight="1" x14ac:dyDescent="0.45"/>
    <row r="1002" ht="15" customHeight="1" x14ac:dyDescent="0.45"/>
    <row r="1003" ht="15" customHeight="1" x14ac:dyDescent="0.45"/>
    <row r="1004" ht="15" customHeight="1" x14ac:dyDescent="0.45"/>
    <row r="1005" ht="15" customHeight="1" x14ac:dyDescent="0.45"/>
    <row r="1006" ht="15" customHeight="1" x14ac:dyDescent="0.45"/>
    <row r="1007" ht="15" customHeight="1" x14ac:dyDescent="0.45"/>
    <row r="1008" ht="15" customHeight="1" x14ac:dyDescent="0.45"/>
    <row r="1009" ht="15" customHeight="1" x14ac:dyDescent="0.45"/>
    <row r="1010" ht="15" customHeight="1" x14ac:dyDescent="0.45"/>
    <row r="1011" ht="15" customHeight="1" x14ac:dyDescent="0.45"/>
    <row r="1012" ht="15" customHeight="1" x14ac:dyDescent="0.45"/>
    <row r="1013" ht="15" customHeight="1" x14ac:dyDescent="0.45"/>
    <row r="1014" ht="15" customHeight="1" x14ac:dyDescent="0.45"/>
    <row r="1015" ht="15" customHeight="1" x14ac:dyDescent="0.45"/>
    <row r="1016" ht="15" customHeight="1" x14ac:dyDescent="0.45"/>
    <row r="1017" ht="15" customHeight="1" x14ac:dyDescent="0.45"/>
    <row r="1018" ht="15" customHeight="1" x14ac:dyDescent="0.45"/>
    <row r="1019" ht="15" customHeight="1" x14ac:dyDescent="0.45"/>
    <row r="1020" ht="15" customHeight="1" x14ac:dyDescent="0.45"/>
    <row r="1021" ht="15" customHeight="1" x14ac:dyDescent="0.45"/>
    <row r="1022" ht="15" customHeight="1" x14ac:dyDescent="0.45"/>
    <row r="1023" ht="15" customHeight="1" x14ac:dyDescent="0.45"/>
    <row r="1024" ht="15" customHeight="1" x14ac:dyDescent="0.45"/>
    <row r="1025" ht="15" customHeight="1" x14ac:dyDescent="0.45"/>
    <row r="1026" ht="15" customHeight="1" x14ac:dyDescent="0.45"/>
    <row r="1027" ht="15" customHeight="1" x14ac:dyDescent="0.45"/>
    <row r="1028" ht="15" customHeight="1" x14ac:dyDescent="0.45"/>
    <row r="1029" ht="15" customHeight="1" x14ac:dyDescent="0.45"/>
    <row r="1030" ht="15" customHeight="1" x14ac:dyDescent="0.45"/>
    <row r="1031" ht="15" customHeight="1" x14ac:dyDescent="0.45"/>
    <row r="1032" ht="15" customHeight="1" x14ac:dyDescent="0.45"/>
    <row r="1033" ht="15" customHeight="1" x14ac:dyDescent="0.45"/>
    <row r="1034" ht="15" customHeight="1" x14ac:dyDescent="0.45"/>
    <row r="1035" ht="15" customHeight="1" x14ac:dyDescent="0.45"/>
    <row r="1036" ht="15" customHeight="1" x14ac:dyDescent="0.45"/>
    <row r="1037" ht="15" customHeight="1" x14ac:dyDescent="0.45"/>
    <row r="1038" ht="15" customHeight="1" x14ac:dyDescent="0.45"/>
    <row r="1039" ht="15" customHeight="1" x14ac:dyDescent="0.45"/>
    <row r="1040" ht="15" customHeight="1" x14ac:dyDescent="0.45"/>
    <row r="1041" ht="15" customHeight="1" x14ac:dyDescent="0.45"/>
    <row r="1042" ht="15" customHeight="1" x14ac:dyDescent="0.45"/>
    <row r="1043" ht="15" customHeight="1" x14ac:dyDescent="0.45"/>
    <row r="1044" ht="15" customHeight="1" x14ac:dyDescent="0.45"/>
    <row r="1045" ht="15" customHeight="1" x14ac:dyDescent="0.45"/>
    <row r="1046" ht="15" customHeight="1" x14ac:dyDescent="0.45"/>
    <row r="1047" ht="15" customHeight="1" x14ac:dyDescent="0.45"/>
    <row r="1048" ht="15" customHeight="1" x14ac:dyDescent="0.45"/>
    <row r="1049" ht="15" customHeight="1" x14ac:dyDescent="0.45"/>
    <row r="1050" ht="15" customHeight="1" x14ac:dyDescent="0.45"/>
    <row r="1051" ht="15" customHeight="1" x14ac:dyDescent="0.45"/>
    <row r="1052" ht="15" customHeight="1" x14ac:dyDescent="0.45"/>
    <row r="1053" ht="15" customHeight="1" x14ac:dyDescent="0.45"/>
    <row r="1054" ht="15" customHeight="1" x14ac:dyDescent="0.45"/>
    <row r="1055" ht="15" customHeight="1" x14ac:dyDescent="0.45"/>
    <row r="1056" ht="15" customHeight="1" x14ac:dyDescent="0.45"/>
    <row r="1057" ht="15" customHeight="1" x14ac:dyDescent="0.45"/>
    <row r="1058" ht="15" customHeight="1" x14ac:dyDescent="0.45"/>
    <row r="1059" ht="15" customHeight="1" x14ac:dyDescent="0.45"/>
    <row r="1060" ht="15" customHeight="1" x14ac:dyDescent="0.45"/>
    <row r="1061" ht="15" customHeight="1" x14ac:dyDescent="0.45"/>
    <row r="1062" ht="15" customHeight="1" x14ac:dyDescent="0.45"/>
    <row r="1063" ht="15" customHeight="1" x14ac:dyDescent="0.45"/>
    <row r="1064" ht="15" customHeight="1" x14ac:dyDescent="0.45"/>
    <row r="1065" ht="15" customHeight="1" x14ac:dyDescent="0.45"/>
    <row r="1066" ht="15" customHeight="1" x14ac:dyDescent="0.45"/>
    <row r="1067" ht="15" customHeight="1" x14ac:dyDescent="0.45"/>
    <row r="1068" ht="15" customHeight="1" x14ac:dyDescent="0.45"/>
    <row r="1069" ht="15" customHeight="1" x14ac:dyDescent="0.45"/>
    <row r="1070" ht="15" customHeight="1" x14ac:dyDescent="0.45"/>
    <row r="1071" ht="15" customHeight="1" x14ac:dyDescent="0.45"/>
    <row r="1072" ht="15" customHeight="1" x14ac:dyDescent="0.45"/>
    <row r="1073" ht="15" customHeight="1" x14ac:dyDescent="0.45"/>
    <row r="1074" ht="15" customHeight="1" x14ac:dyDescent="0.45"/>
    <row r="1075" ht="15" customHeight="1" x14ac:dyDescent="0.45"/>
    <row r="1076" ht="15" customHeight="1" x14ac:dyDescent="0.45"/>
    <row r="1077" ht="15" customHeight="1" x14ac:dyDescent="0.45"/>
    <row r="1078" ht="15" customHeight="1" x14ac:dyDescent="0.45"/>
    <row r="1079" ht="15" customHeight="1" x14ac:dyDescent="0.45"/>
    <row r="1080" ht="15" customHeight="1" x14ac:dyDescent="0.45"/>
    <row r="1081" ht="15" customHeight="1" x14ac:dyDescent="0.45"/>
    <row r="1082" ht="15" customHeight="1" x14ac:dyDescent="0.45"/>
    <row r="1083" ht="15" customHeight="1" x14ac:dyDescent="0.45"/>
    <row r="1084" ht="15" customHeight="1" x14ac:dyDescent="0.45"/>
    <row r="1085" ht="15" customHeight="1" x14ac:dyDescent="0.45"/>
    <row r="1086" ht="15" customHeight="1" x14ac:dyDescent="0.45"/>
    <row r="1087" ht="15" customHeight="1" x14ac:dyDescent="0.45"/>
    <row r="1088" ht="15" customHeight="1" x14ac:dyDescent="0.45"/>
    <row r="1089" ht="15" customHeight="1" x14ac:dyDescent="0.45"/>
    <row r="1090" ht="15" customHeight="1" x14ac:dyDescent="0.45"/>
    <row r="1091" ht="15" customHeight="1" x14ac:dyDescent="0.45"/>
    <row r="1092" ht="15" customHeight="1" x14ac:dyDescent="0.45"/>
    <row r="1093" ht="15" customHeight="1" x14ac:dyDescent="0.45"/>
    <row r="1094" ht="15" customHeight="1" x14ac:dyDescent="0.45"/>
    <row r="1095" ht="15" customHeight="1" x14ac:dyDescent="0.45"/>
    <row r="1096" ht="15" customHeight="1" x14ac:dyDescent="0.45"/>
    <row r="1097" ht="15" customHeight="1" x14ac:dyDescent="0.45"/>
    <row r="1098" ht="15" customHeight="1" x14ac:dyDescent="0.45"/>
    <row r="1099" ht="15" customHeight="1" x14ac:dyDescent="0.45"/>
    <row r="1100" ht="15" customHeight="1" x14ac:dyDescent="0.45"/>
    <row r="1101" ht="15" customHeight="1" x14ac:dyDescent="0.45"/>
    <row r="1102" ht="15" customHeight="1" x14ac:dyDescent="0.45"/>
    <row r="1103" ht="15" customHeight="1" x14ac:dyDescent="0.45"/>
    <row r="1104" ht="15" customHeight="1" x14ac:dyDescent="0.45"/>
    <row r="1105" ht="15" customHeight="1" x14ac:dyDescent="0.45"/>
    <row r="1106" ht="15" customHeight="1" x14ac:dyDescent="0.45"/>
    <row r="1107" ht="15" customHeight="1" x14ac:dyDescent="0.45"/>
    <row r="1108" ht="15" customHeight="1" x14ac:dyDescent="0.45"/>
    <row r="1109" ht="15" customHeight="1" x14ac:dyDescent="0.45"/>
    <row r="1110" ht="15" customHeight="1" x14ac:dyDescent="0.45"/>
    <row r="1111" ht="15" customHeight="1" x14ac:dyDescent="0.45"/>
    <row r="1112" ht="15" customHeight="1" x14ac:dyDescent="0.45"/>
    <row r="1113" ht="15" customHeight="1" x14ac:dyDescent="0.45"/>
    <row r="1114" ht="15" customHeight="1" x14ac:dyDescent="0.45"/>
    <row r="1115" ht="15" customHeight="1" x14ac:dyDescent="0.45"/>
    <row r="1116" ht="15" customHeight="1" x14ac:dyDescent="0.45"/>
    <row r="1117" ht="15" customHeight="1" x14ac:dyDescent="0.45"/>
    <row r="1118" ht="15" customHeight="1" x14ac:dyDescent="0.45"/>
    <row r="1119" ht="15" customHeight="1" x14ac:dyDescent="0.45"/>
    <row r="1120" ht="15" customHeight="1" x14ac:dyDescent="0.45"/>
    <row r="1121" ht="15" customHeight="1" x14ac:dyDescent="0.45"/>
    <row r="1122" ht="15" customHeight="1" x14ac:dyDescent="0.45"/>
    <row r="1123" ht="15" customHeight="1" x14ac:dyDescent="0.45"/>
    <row r="1124" ht="15" customHeight="1" x14ac:dyDescent="0.45"/>
    <row r="1125" ht="15" customHeight="1" x14ac:dyDescent="0.45"/>
    <row r="1126" ht="15" customHeight="1" x14ac:dyDescent="0.45"/>
    <row r="1127" ht="15" customHeight="1" x14ac:dyDescent="0.45"/>
    <row r="1128" ht="15" customHeight="1" x14ac:dyDescent="0.45"/>
    <row r="1129" ht="15" customHeight="1" x14ac:dyDescent="0.45"/>
    <row r="1130" ht="15" customHeight="1" x14ac:dyDescent="0.45"/>
    <row r="1131" ht="15" customHeight="1" x14ac:dyDescent="0.45"/>
    <row r="1132" ht="15" customHeight="1" x14ac:dyDescent="0.45"/>
    <row r="1133" ht="15" customHeight="1" x14ac:dyDescent="0.45"/>
    <row r="1134" ht="15" customHeight="1" x14ac:dyDescent="0.45"/>
    <row r="1135" ht="15" customHeight="1" x14ac:dyDescent="0.45"/>
    <row r="1136" ht="15" customHeight="1" x14ac:dyDescent="0.45"/>
    <row r="1137" ht="15" customHeight="1" x14ac:dyDescent="0.45"/>
    <row r="1138" ht="15" customHeight="1" x14ac:dyDescent="0.45"/>
    <row r="1139" ht="15" customHeight="1" x14ac:dyDescent="0.45"/>
    <row r="1140" ht="15" customHeight="1" x14ac:dyDescent="0.45"/>
    <row r="1141" ht="15" customHeight="1" x14ac:dyDescent="0.45"/>
    <row r="1142" ht="15" customHeight="1" x14ac:dyDescent="0.45"/>
    <row r="1143" ht="15" customHeight="1" x14ac:dyDescent="0.45"/>
    <row r="1144" ht="15" customHeight="1" x14ac:dyDescent="0.45"/>
    <row r="1145" ht="15" customHeight="1" x14ac:dyDescent="0.45"/>
    <row r="1146" ht="15" customHeight="1" x14ac:dyDescent="0.45"/>
    <row r="1147" ht="15" customHeight="1" x14ac:dyDescent="0.45"/>
    <row r="1148" ht="15" customHeight="1" x14ac:dyDescent="0.45"/>
    <row r="1149" ht="15" customHeight="1" x14ac:dyDescent="0.45"/>
    <row r="1150" ht="15" customHeight="1" x14ac:dyDescent="0.45"/>
    <row r="1151" ht="15" customHeight="1" x14ac:dyDescent="0.45"/>
    <row r="1152" ht="15" customHeight="1" x14ac:dyDescent="0.45"/>
    <row r="1153" ht="15" customHeight="1" x14ac:dyDescent="0.45"/>
    <row r="1154" ht="15" customHeight="1" x14ac:dyDescent="0.45"/>
    <row r="1155" ht="15" customHeight="1" x14ac:dyDescent="0.45"/>
    <row r="1156" ht="15" customHeight="1" x14ac:dyDescent="0.45"/>
    <row r="1157" ht="15" customHeight="1" x14ac:dyDescent="0.45"/>
    <row r="1158" ht="15" customHeight="1" x14ac:dyDescent="0.45"/>
    <row r="1159" ht="15" customHeight="1" x14ac:dyDescent="0.45"/>
    <row r="1160" ht="15" customHeight="1" x14ac:dyDescent="0.45"/>
    <row r="1161" ht="15" customHeight="1" x14ac:dyDescent="0.45"/>
    <row r="1162" ht="15" customHeight="1" x14ac:dyDescent="0.45"/>
    <row r="1163" ht="15" customHeight="1" x14ac:dyDescent="0.45"/>
    <row r="1164" ht="15" customHeight="1" x14ac:dyDescent="0.45"/>
    <row r="1165" ht="15" customHeight="1" x14ac:dyDescent="0.45"/>
    <row r="1166" ht="15" customHeight="1" x14ac:dyDescent="0.45"/>
    <row r="1167" ht="15" customHeight="1" x14ac:dyDescent="0.45"/>
    <row r="1168" ht="15" customHeight="1" x14ac:dyDescent="0.45"/>
    <row r="1169" ht="15" customHeight="1" x14ac:dyDescent="0.45"/>
    <row r="1170" ht="15" customHeight="1" x14ac:dyDescent="0.45"/>
    <row r="1171" ht="15" customHeight="1" x14ac:dyDescent="0.45"/>
    <row r="1172" ht="15" customHeight="1" x14ac:dyDescent="0.45"/>
    <row r="1173" ht="15" customHeight="1" x14ac:dyDescent="0.45"/>
    <row r="1174" ht="15" customHeight="1" x14ac:dyDescent="0.45"/>
    <row r="1175" ht="15" customHeight="1" x14ac:dyDescent="0.45"/>
    <row r="1176" ht="15" customHeight="1" x14ac:dyDescent="0.45"/>
    <row r="1177" ht="15" customHeight="1" x14ac:dyDescent="0.45"/>
    <row r="1178" ht="15" customHeight="1" x14ac:dyDescent="0.45"/>
    <row r="1179" ht="15" customHeight="1" x14ac:dyDescent="0.45"/>
    <row r="1180" ht="15" customHeight="1" x14ac:dyDescent="0.45"/>
    <row r="1181" ht="15" customHeight="1" x14ac:dyDescent="0.45"/>
    <row r="1182" ht="15" customHeight="1" x14ac:dyDescent="0.45"/>
    <row r="1183" ht="15" customHeight="1" x14ac:dyDescent="0.45"/>
    <row r="1184" ht="15" customHeight="1" x14ac:dyDescent="0.45"/>
    <row r="1185" ht="15" customHeight="1" x14ac:dyDescent="0.45"/>
    <row r="1186" ht="15" customHeight="1" x14ac:dyDescent="0.45"/>
    <row r="1187" ht="15" customHeight="1" x14ac:dyDescent="0.45"/>
    <row r="1188" ht="15" customHeight="1" x14ac:dyDescent="0.45"/>
    <row r="1189" ht="15" customHeight="1" x14ac:dyDescent="0.45"/>
    <row r="1190" ht="15" customHeight="1" x14ac:dyDescent="0.45"/>
    <row r="1191" ht="15" customHeight="1" x14ac:dyDescent="0.45"/>
    <row r="1192" ht="15" customHeight="1" x14ac:dyDescent="0.45"/>
    <row r="1193" ht="15" customHeight="1" x14ac:dyDescent="0.45"/>
    <row r="1194" ht="15" customHeight="1" x14ac:dyDescent="0.45"/>
    <row r="1195" ht="15" customHeight="1" x14ac:dyDescent="0.45"/>
    <row r="1196" ht="15" customHeight="1" x14ac:dyDescent="0.45"/>
    <row r="1197" ht="15" customHeight="1" x14ac:dyDescent="0.45"/>
    <row r="1198" ht="15" customHeight="1" x14ac:dyDescent="0.45"/>
    <row r="1199" ht="15" customHeight="1" x14ac:dyDescent="0.45"/>
    <row r="1200" ht="15" customHeight="1" x14ac:dyDescent="0.45"/>
    <row r="1201" ht="15" customHeight="1" x14ac:dyDescent="0.45"/>
    <row r="1202" ht="15" customHeight="1" x14ac:dyDescent="0.45"/>
    <row r="1203" ht="15" customHeight="1" x14ac:dyDescent="0.45"/>
  </sheetData>
  <mergeCells count="1">
    <mergeCell ref="Y16:AJ16"/>
  </mergeCells>
  <phoneticPr fontId="1"/>
  <pageMargins left="0.78740157480314965" right="0.39370078740157483" top="0.39370078740157483" bottom="0.39370078740157483" header="0.51181102362204722" footer="0.19685039370078741"/>
  <pageSetup paperSize="9" orientation="portrait" blackAndWhite="1"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F7AF70-5387-4DC2-8D93-860A1D4B3467}">
  <sheetPr>
    <tabColor rgb="FF0053FA"/>
  </sheetPr>
  <dimension ref="A1:AJ49"/>
  <sheetViews>
    <sheetView showGridLines="0" tabSelected="1" view="pageBreakPreview" zoomScale="99" zoomScaleNormal="100" zoomScaleSheetLayoutView="99" workbookViewId="0"/>
  </sheetViews>
  <sheetFormatPr defaultRowHeight="14.4" x14ac:dyDescent="0.45"/>
  <cols>
    <col min="1" max="1" width="0.796875" style="1" customWidth="1"/>
    <col min="2" max="37" width="2.296875" style="1" customWidth="1"/>
    <col min="38" max="38" width="1.09765625" style="1" customWidth="1"/>
    <col min="39" max="41" width="2.3984375" style="1" customWidth="1"/>
    <col min="42" max="16384" width="8.796875" style="1"/>
  </cols>
  <sheetData>
    <row r="1" spans="1:36" ht="13.2" customHeight="1" x14ac:dyDescent="0.45"/>
    <row r="2" spans="1:36" ht="13.2" customHeight="1" x14ac:dyDescent="0.45"/>
    <row r="3" spans="1:36" ht="13.2" customHeight="1" x14ac:dyDescent="0.45"/>
    <row r="4" spans="1:36" ht="13.2" customHeight="1" x14ac:dyDescent="0.45"/>
    <row r="5" spans="1:36" ht="13.2" customHeight="1" x14ac:dyDescent="0.45">
      <c r="A5" s="1" t="s">
        <v>0</v>
      </c>
    </row>
    <row r="6" spans="1:36" ht="13.2" customHeight="1" x14ac:dyDescent="0.45"/>
    <row r="7" spans="1:36" ht="13.2" customHeight="1" x14ac:dyDescent="0.45">
      <c r="AA7" s="1" t="s">
        <v>1</v>
      </c>
      <c r="AE7" s="1" t="s">
        <v>2</v>
      </c>
      <c r="AI7" s="1" t="s">
        <v>3</v>
      </c>
    </row>
    <row r="8" spans="1:36" ht="13.2" customHeight="1" x14ac:dyDescent="0.45"/>
    <row r="9" spans="1:36" ht="13.2" customHeight="1" x14ac:dyDescent="0.45"/>
    <row r="10" spans="1:36" ht="13.2" customHeight="1" x14ac:dyDescent="0.45">
      <c r="C10" s="1" t="s">
        <v>4</v>
      </c>
    </row>
    <row r="11" spans="1:36" ht="13.2" customHeight="1" x14ac:dyDescent="0.45"/>
    <row r="12" spans="1:36" ht="13.2" customHeight="1" x14ac:dyDescent="0.45"/>
    <row r="13" spans="1:36" ht="13.2" customHeight="1" x14ac:dyDescent="0.45">
      <c r="T13" s="1" t="s">
        <v>5</v>
      </c>
      <c r="W13" s="1" t="s">
        <v>6</v>
      </c>
      <c r="Y13" s="2"/>
      <c r="Z13" s="2"/>
      <c r="AA13" s="2"/>
      <c r="AB13" s="2"/>
      <c r="AC13" s="2"/>
      <c r="AD13" s="2"/>
      <c r="AE13" s="2"/>
      <c r="AF13" s="2"/>
      <c r="AG13" s="2"/>
      <c r="AH13" s="2"/>
      <c r="AI13" s="2"/>
      <c r="AJ13" s="2"/>
    </row>
    <row r="14" spans="1:36" ht="13.2" customHeight="1" x14ac:dyDescent="0.45"/>
    <row r="15" spans="1:36" ht="13.2" customHeight="1" x14ac:dyDescent="0.45">
      <c r="W15" s="1" t="s">
        <v>7</v>
      </c>
      <c r="Y15" s="2"/>
      <c r="Z15" s="2"/>
      <c r="AA15" s="2"/>
      <c r="AB15" s="2"/>
      <c r="AC15" s="2"/>
      <c r="AD15" s="2"/>
      <c r="AE15" s="2"/>
      <c r="AF15" s="2"/>
      <c r="AG15" s="2"/>
      <c r="AH15" s="2"/>
      <c r="AI15" s="2"/>
      <c r="AJ15" s="2" t="s">
        <v>8</v>
      </c>
    </row>
    <row r="16" spans="1:36" ht="13.2" customHeight="1" x14ac:dyDescent="0.45">
      <c r="Y16" s="12" t="s">
        <v>10</v>
      </c>
    </row>
    <row r="17" spans="3:36" ht="13.2" customHeight="1" x14ac:dyDescent="0.45"/>
    <row r="18" spans="3:36" ht="13.2" customHeight="1" x14ac:dyDescent="0.45">
      <c r="W18" s="1" t="s">
        <v>9</v>
      </c>
      <c r="Y18" s="2"/>
      <c r="Z18" s="2"/>
      <c r="AA18" s="2"/>
      <c r="AB18" s="2"/>
      <c r="AC18" s="2"/>
      <c r="AD18" s="2"/>
      <c r="AE18" s="2"/>
      <c r="AF18" s="2"/>
      <c r="AG18" s="2"/>
      <c r="AH18" s="2"/>
      <c r="AI18" s="2"/>
      <c r="AJ18" s="2"/>
    </row>
    <row r="19" spans="3:36" ht="13.2" customHeight="1" x14ac:dyDescent="0.45"/>
    <row r="20" spans="3:36" ht="13.2" customHeight="1" x14ac:dyDescent="0.45"/>
    <row r="21" spans="3:36" ht="13.2" customHeight="1" x14ac:dyDescent="0.45"/>
    <row r="22" spans="3:36" ht="13.2" customHeight="1" x14ac:dyDescent="0.45"/>
    <row r="23" spans="3:36" ht="13.2" customHeight="1" x14ac:dyDescent="0.45">
      <c r="J23" s="1" t="s">
        <v>11</v>
      </c>
    </row>
    <row r="24" spans="3:36" ht="13.2" customHeight="1" x14ac:dyDescent="0.45"/>
    <row r="25" spans="3:36" ht="13.2" customHeight="1" x14ac:dyDescent="0.45"/>
    <row r="26" spans="3:36" ht="21" customHeight="1" x14ac:dyDescent="0.45">
      <c r="D26" s="1" t="s">
        <v>12</v>
      </c>
    </row>
    <row r="27" spans="3:36" ht="21" customHeight="1" x14ac:dyDescent="0.45">
      <c r="C27" s="1" t="s">
        <v>13</v>
      </c>
    </row>
    <row r="28" spans="3:36" ht="21" customHeight="1" x14ac:dyDescent="0.45">
      <c r="C28" s="1" t="s">
        <v>14</v>
      </c>
    </row>
    <row r="29" spans="3:36" ht="21" customHeight="1" x14ac:dyDescent="0.45">
      <c r="C29" s="1" t="s">
        <v>15</v>
      </c>
    </row>
    <row r="30" spans="3:36" ht="13.2" customHeight="1" x14ac:dyDescent="0.45">
      <c r="Q30" s="1" t="s">
        <v>16</v>
      </c>
    </row>
    <row r="31" spans="3:36" ht="13.2" customHeight="1" x14ac:dyDescent="0.45"/>
    <row r="32" spans="3:36" ht="13.2" customHeight="1" x14ac:dyDescent="0.45"/>
    <row r="33" spans="5:33" ht="18" customHeight="1" x14ac:dyDescent="0.45">
      <c r="E33" s="3" t="s">
        <v>19</v>
      </c>
      <c r="F33" s="1" t="s">
        <v>20</v>
      </c>
      <c r="X33" s="2"/>
      <c r="Y33" s="2"/>
      <c r="Z33" s="2"/>
      <c r="AA33" s="2"/>
      <c r="AB33" s="2"/>
      <c r="AC33" s="2"/>
      <c r="AD33" s="2"/>
      <c r="AE33" s="2"/>
      <c r="AF33" s="2"/>
      <c r="AG33" s="2" t="s">
        <v>24</v>
      </c>
    </row>
    <row r="34" spans="5:33" ht="18" customHeight="1" x14ac:dyDescent="0.45">
      <c r="X34" s="13"/>
      <c r="Y34" s="13"/>
      <c r="Z34" s="13"/>
      <c r="AA34" s="13"/>
      <c r="AB34" s="13"/>
      <c r="AC34" s="13"/>
      <c r="AD34" s="13"/>
      <c r="AE34" s="13"/>
      <c r="AF34" s="13"/>
      <c r="AG34" s="13"/>
    </row>
    <row r="35" spans="5:33" ht="18" customHeight="1" x14ac:dyDescent="0.45">
      <c r="E35" s="3" t="s">
        <v>17</v>
      </c>
      <c r="F35" s="1" t="s">
        <v>21</v>
      </c>
      <c r="X35" s="2"/>
      <c r="Y35" s="2"/>
      <c r="Z35" s="2"/>
      <c r="AA35" s="2"/>
      <c r="AB35" s="2"/>
      <c r="AC35" s="2"/>
      <c r="AD35" s="2"/>
      <c r="AE35" s="2"/>
      <c r="AF35" s="2"/>
      <c r="AG35" s="2" t="s">
        <v>24</v>
      </c>
    </row>
    <row r="36" spans="5:33" ht="18" customHeight="1" x14ac:dyDescent="0.45"/>
    <row r="37" spans="5:33" ht="18" customHeight="1" x14ac:dyDescent="0.45">
      <c r="E37" s="3" t="s">
        <v>18</v>
      </c>
      <c r="F37" s="1" t="s">
        <v>22</v>
      </c>
    </row>
    <row r="38" spans="5:33" ht="18" customHeight="1" x14ac:dyDescent="0.45">
      <c r="F38" s="1" t="s">
        <v>23</v>
      </c>
    </row>
    <row r="39" spans="5:33" ht="13.2" customHeight="1" x14ac:dyDescent="0.45"/>
    <row r="40" spans="5:33" ht="13.2" customHeight="1" x14ac:dyDescent="0.45"/>
    <row r="41" spans="5:33" ht="13.2" customHeight="1" x14ac:dyDescent="0.45"/>
    <row r="42" spans="5:33" ht="13.2" customHeight="1" x14ac:dyDescent="0.45"/>
    <row r="43" spans="5:33" ht="13.2" customHeight="1" x14ac:dyDescent="0.45"/>
    <row r="44" spans="5:33" ht="13.2" customHeight="1" x14ac:dyDescent="0.45"/>
    <row r="45" spans="5:33" ht="13.2" customHeight="1" x14ac:dyDescent="0.45"/>
    <row r="46" spans="5:33" ht="13.2" customHeight="1" x14ac:dyDescent="0.45"/>
    <row r="47" spans="5:33" ht="13.2" customHeight="1" x14ac:dyDescent="0.45"/>
    <row r="48" spans="5:33" ht="13.2" customHeight="1" x14ac:dyDescent="0.45"/>
    <row r="49" ht="13.2" customHeight="1" x14ac:dyDescent="0.45"/>
  </sheetData>
  <phoneticPr fontId="1"/>
  <pageMargins left="0.59055118110236227" right="0.47244094488188981" top="0.74803149606299213" bottom="0.74803149606299213"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排水設備工事費助成金申請書</vt:lpstr>
      <vt:lpstr>排水設備工事費助成金実績報告書</vt:lpstr>
      <vt:lpstr>排水設備工事費助成金実績報告書!Print_Area</vt:lpstr>
      <vt:lpstr>排水設備工事費助成金申請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下　純代</dc:creator>
  <cp:lastModifiedBy>岩下　純代</cp:lastModifiedBy>
  <cp:lastPrinted>2023-04-11T03:46:32Z</cp:lastPrinted>
  <dcterms:created xsi:type="dcterms:W3CDTF">2023-04-07T07:36:29Z</dcterms:created>
  <dcterms:modified xsi:type="dcterms:W3CDTF">2023-04-11T03:49:53Z</dcterms:modified>
</cp:coreProperties>
</file>